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398" r:id="rId2"/>
    <p:sldId id="391" r:id="rId3"/>
    <p:sldId id="262" r:id="rId4"/>
    <p:sldId id="392" r:id="rId5"/>
    <p:sldId id="272" r:id="rId6"/>
    <p:sldId id="279" r:id="rId7"/>
    <p:sldId id="400" r:id="rId8"/>
    <p:sldId id="383" r:id="rId9"/>
    <p:sldId id="401" r:id="rId10"/>
    <p:sldId id="402" r:id="rId11"/>
    <p:sldId id="403" r:id="rId12"/>
    <p:sldId id="280" r:id="rId13"/>
    <p:sldId id="264" r:id="rId14"/>
    <p:sldId id="275" r:id="rId15"/>
    <p:sldId id="273" r:id="rId16"/>
    <p:sldId id="281" r:id="rId17"/>
  </p:sldIdLst>
  <p:sldSz cx="12188825" cy="6858000"/>
  <p:notesSz cx="6797675" cy="9926638"/>
  <p:embeddedFontLst>
    <p:embeddedFont>
      <p:font typeface="AU Passata" panose="020B0503030502030804" pitchFamily="34" charset="77"/>
      <p:regular r:id="rId20"/>
      <p:bold r:id="rId21"/>
    </p:embeddedFont>
    <p:embeddedFont>
      <p:font typeface="AU Passata Light" panose="020B0303030902030804" pitchFamily="34" charset="77"/>
      <p:regular r:id="rId22"/>
      <p:bold r:id="rId23"/>
    </p:embeddedFont>
    <p:embeddedFont>
      <p:font typeface="AU Peto" pitchFamily="82" charset="77"/>
      <p:regular r:id="rId24"/>
      <p:bold r:id="rId25"/>
    </p:embeddedFont>
    <p:embeddedFont>
      <p:font typeface="Calibri" panose="020F0502020204030204" pitchFamily="34" charset="0"/>
      <p:regular r:id="rId26"/>
      <p:bold r:id="rId27"/>
      <p:italic r:id="rId28"/>
      <p:boldItalic r:id="rId29"/>
    </p:embeddedFont>
    <p:embeddedFont>
      <p:font typeface="Georgia" panose="02040502050405020303" pitchFamily="18" charset="0"/>
      <p:regular r:id="rId30"/>
      <p:bold r:id="rId31"/>
      <p:italic r:id="rId32"/>
      <p:boldItalic r:id="rId33"/>
    </p:embeddedFont>
    <p:embeddedFont>
      <p:font typeface="Wingdings 3" pitchFamily="2" charset="2"/>
      <p:regular r:id="rId3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69" autoAdjust="0"/>
    <p:restoredTop sz="93482" autoAdjust="0"/>
  </p:normalViewPr>
  <p:slideViewPr>
    <p:cSldViewPr snapToObjects="1" showGuides="1">
      <p:cViewPr varScale="1">
        <p:scale>
          <a:sx n="101" d="100"/>
          <a:sy n="101" d="100"/>
        </p:scale>
        <p:origin x="920" y="19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7.fntdata"/><Relationship Id="rId21" Type="http://schemas.openxmlformats.org/officeDocument/2006/relationships/font" Target="fonts/font2.fntdata"/><Relationship Id="rId34" Type="http://schemas.openxmlformats.org/officeDocument/2006/relationships/font" Target="fonts/font15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6.fntdata"/><Relationship Id="rId33" Type="http://schemas.openxmlformats.org/officeDocument/2006/relationships/font" Target="fonts/font14.fntdata"/><Relationship Id="rId38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font" Target="fonts/font1.fntdata"/><Relationship Id="rId29" Type="http://schemas.openxmlformats.org/officeDocument/2006/relationships/font" Target="fonts/font10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5.fntdata"/><Relationship Id="rId32" Type="http://schemas.openxmlformats.org/officeDocument/2006/relationships/font" Target="fonts/font13.fntdata"/><Relationship Id="rId37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4.fntdata"/><Relationship Id="rId28" Type="http://schemas.openxmlformats.org/officeDocument/2006/relationships/font" Target="fonts/font9.fntdata"/><Relationship Id="rId36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31" Type="http://schemas.openxmlformats.org/officeDocument/2006/relationships/font" Target="fonts/font12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3.fntdata"/><Relationship Id="rId27" Type="http://schemas.openxmlformats.org/officeDocument/2006/relationships/font" Target="fonts/font8.fntdata"/><Relationship Id="rId30" Type="http://schemas.openxmlformats.org/officeDocument/2006/relationships/font" Target="fonts/font11.fntdata"/><Relationship Id="rId35" Type="http://schemas.openxmlformats.org/officeDocument/2006/relationships/presProps" Target="presProps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1CA6C18-7251-6046-BE42-B85AABF7514B}" type="doc">
      <dgm:prSet loTypeId="urn:microsoft.com/office/officeart/2005/8/layout/pyramid1" loCatId="" qsTypeId="urn:microsoft.com/office/officeart/2005/8/quickstyle/simple1" qsCatId="simple" csTypeId="urn:microsoft.com/office/officeart/2005/8/colors/accent1_2" csCatId="accent1" phldr="1"/>
      <dgm:spPr/>
    </dgm:pt>
    <dgm:pt modelId="{ABB3EB0C-9910-E844-8DB2-67F5C05CB016}">
      <dgm:prSet phldrT="[Text]" custT="1"/>
      <dgm:spPr/>
      <dgm:t>
        <a:bodyPr/>
        <a:lstStyle/>
        <a:p>
          <a:r>
            <a:rPr lang="en-GB" sz="1400" dirty="0">
              <a:solidFill>
                <a:srgbClr val="FFFFFF"/>
              </a:solidFill>
            </a:rPr>
            <a:t>public </a:t>
          </a:r>
        </a:p>
        <a:p>
          <a:r>
            <a:rPr lang="en-GB" sz="1400" dirty="0">
              <a:solidFill>
                <a:srgbClr val="FFFFFF"/>
              </a:solidFill>
            </a:rPr>
            <a:t>discourse</a:t>
          </a:r>
        </a:p>
      </dgm:t>
    </dgm:pt>
    <dgm:pt modelId="{2E604230-2439-0F42-9FD6-0CB2C8E9C500}" type="parTrans" cxnId="{90332191-92F4-0E44-A15C-656A71F1004A}">
      <dgm:prSet/>
      <dgm:spPr/>
      <dgm:t>
        <a:bodyPr/>
        <a:lstStyle/>
        <a:p>
          <a:endParaRPr lang="en-GB">
            <a:solidFill>
              <a:srgbClr val="FFFFFF"/>
            </a:solidFill>
          </a:endParaRPr>
        </a:p>
      </dgm:t>
    </dgm:pt>
    <dgm:pt modelId="{B60E09E0-B83E-E14A-9EE1-2061449E1B85}" type="sibTrans" cxnId="{90332191-92F4-0E44-A15C-656A71F1004A}">
      <dgm:prSet/>
      <dgm:spPr/>
      <dgm:t>
        <a:bodyPr/>
        <a:lstStyle/>
        <a:p>
          <a:endParaRPr lang="en-GB">
            <a:solidFill>
              <a:srgbClr val="FFFFFF"/>
            </a:solidFill>
          </a:endParaRPr>
        </a:p>
      </dgm:t>
    </dgm:pt>
    <dgm:pt modelId="{3A444C9E-B059-3048-A7C1-A73D0307854A}">
      <dgm:prSet phldrT="[Text]"/>
      <dgm:spPr/>
      <dgm:t>
        <a:bodyPr/>
        <a:lstStyle/>
        <a:p>
          <a:r>
            <a:rPr lang="en-GB" dirty="0">
              <a:solidFill>
                <a:srgbClr val="FFFFFF"/>
              </a:solidFill>
            </a:rPr>
            <a:t>algorithms</a:t>
          </a:r>
        </a:p>
      </dgm:t>
    </dgm:pt>
    <dgm:pt modelId="{F8BCEC80-1876-064F-AD28-105A74BB5D6B}" type="parTrans" cxnId="{DEF117C1-4FEC-3F45-8218-4C3A0C99F0EE}">
      <dgm:prSet/>
      <dgm:spPr/>
      <dgm:t>
        <a:bodyPr/>
        <a:lstStyle/>
        <a:p>
          <a:endParaRPr lang="en-GB">
            <a:solidFill>
              <a:srgbClr val="FFFFFF"/>
            </a:solidFill>
          </a:endParaRPr>
        </a:p>
      </dgm:t>
    </dgm:pt>
    <dgm:pt modelId="{CA14D162-738F-7349-B204-ABBDB1204F62}" type="sibTrans" cxnId="{DEF117C1-4FEC-3F45-8218-4C3A0C99F0EE}">
      <dgm:prSet/>
      <dgm:spPr/>
      <dgm:t>
        <a:bodyPr/>
        <a:lstStyle/>
        <a:p>
          <a:endParaRPr lang="en-GB">
            <a:solidFill>
              <a:srgbClr val="FFFFFF"/>
            </a:solidFill>
          </a:endParaRPr>
        </a:p>
      </dgm:t>
    </dgm:pt>
    <dgm:pt modelId="{C6A57A8D-C4E8-BC4C-A969-7EE7619AF00F}">
      <dgm:prSet phldrT="[Text]"/>
      <dgm:spPr/>
      <dgm:t>
        <a:bodyPr/>
        <a:lstStyle/>
        <a:p>
          <a:r>
            <a:rPr lang="en-GB" dirty="0">
              <a:solidFill>
                <a:srgbClr val="FFFFFF"/>
              </a:solidFill>
            </a:rPr>
            <a:t>content</a:t>
          </a:r>
        </a:p>
      </dgm:t>
    </dgm:pt>
    <dgm:pt modelId="{55C620EA-44D9-FC4C-89C9-684C889E4E79}" type="parTrans" cxnId="{369951C2-0E21-1646-9B45-4A71D5F4CF98}">
      <dgm:prSet/>
      <dgm:spPr/>
      <dgm:t>
        <a:bodyPr/>
        <a:lstStyle/>
        <a:p>
          <a:endParaRPr lang="en-GB">
            <a:solidFill>
              <a:srgbClr val="FFFFFF"/>
            </a:solidFill>
          </a:endParaRPr>
        </a:p>
      </dgm:t>
    </dgm:pt>
    <dgm:pt modelId="{F10B61C1-7E62-654D-9D94-AA0060994020}" type="sibTrans" cxnId="{369951C2-0E21-1646-9B45-4A71D5F4CF98}">
      <dgm:prSet/>
      <dgm:spPr/>
      <dgm:t>
        <a:bodyPr/>
        <a:lstStyle/>
        <a:p>
          <a:endParaRPr lang="en-GB">
            <a:solidFill>
              <a:srgbClr val="FFFFFF"/>
            </a:solidFill>
          </a:endParaRPr>
        </a:p>
      </dgm:t>
    </dgm:pt>
    <dgm:pt modelId="{277AF439-F73A-2E45-B8AC-F8695E8869E0}" type="pres">
      <dgm:prSet presAssocID="{01CA6C18-7251-6046-BE42-B85AABF7514B}" presName="Name0" presStyleCnt="0">
        <dgm:presLayoutVars>
          <dgm:dir/>
          <dgm:animLvl val="lvl"/>
          <dgm:resizeHandles val="exact"/>
        </dgm:presLayoutVars>
      </dgm:prSet>
      <dgm:spPr/>
    </dgm:pt>
    <dgm:pt modelId="{1D312F78-AD90-5E42-86CF-A272F09A7AFA}" type="pres">
      <dgm:prSet presAssocID="{ABB3EB0C-9910-E844-8DB2-67F5C05CB016}" presName="Name8" presStyleCnt="0"/>
      <dgm:spPr/>
    </dgm:pt>
    <dgm:pt modelId="{99020540-9DA6-074B-9199-B7BF33243838}" type="pres">
      <dgm:prSet presAssocID="{ABB3EB0C-9910-E844-8DB2-67F5C05CB016}" presName="level" presStyleLbl="node1" presStyleIdx="0" presStyleCnt="3">
        <dgm:presLayoutVars>
          <dgm:chMax val="1"/>
          <dgm:bulletEnabled val="1"/>
        </dgm:presLayoutVars>
      </dgm:prSet>
      <dgm:spPr/>
    </dgm:pt>
    <dgm:pt modelId="{9148328D-1AD2-AF4D-B4C1-161F2637D0B8}" type="pres">
      <dgm:prSet presAssocID="{ABB3EB0C-9910-E844-8DB2-67F5C05CB016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6A64DCDB-13F5-1643-B018-7222F4DBC709}" type="pres">
      <dgm:prSet presAssocID="{3A444C9E-B059-3048-A7C1-A73D0307854A}" presName="Name8" presStyleCnt="0"/>
      <dgm:spPr/>
    </dgm:pt>
    <dgm:pt modelId="{40EF0656-9E55-C246-9E56-F50010AA149F}" type="pres">
      <dgm:prSet presAssocID="{3A444C9E-B059-3048-A7C1-A73D0307854A}" presName="level" presStyleLbl="node1" presStyleIdx="1" presStyleCnt="3">
        <dgm:presLayoutVars>
          <dgm:chMax val="1"/>
          <dgm:bulletEnabled val="1"/>
        </dgm:presLayoutVars>
      </dgm:prSet>
      <dgm:spPr/>
    </dgm:pt>
    <dgm:pt modelId="{E56170B7-903F-204D-897A-438FAE0C0F59}" type="pres">
      <dgm:prSet presAssocID="{3A444C9E-B059-3048-A7C1-A73D0307854A}" presName="levelTx" presStyleLbl="revTx" presStyleIdx="0" presStyleCnt="0">
        <dgm:presLayoutVars>
          <dgm:chMax val="1"/>
          <dgm:bulletEnabled val="1"/>
        </dgm:presLayoutVars>
      </dgm:prSet>
      <dgm:spPr/>
    </dgm:pt>
    <dgm:pt modelId="{9EE8BC85-B261-5D4E-A737-683C599FAB5A}" type="pres">
      <dgm:prSet presAssocID="{C6A57A8D-C4E8-BC4C-A969-7EE7619AF00F}" presName="Name8" presStyleCnt="0"/>
      <dgm:spPr/>
    </dgm:pt>
    <dgm:pt modelId="{4C17340A-8D66-1B49-B832-E8B3CA9E4BA4}" type="pres">
      <dgm:prSet presAssocID="{C6A57A8D-C4E8-BC4C-A969-7EE7619AF00F}" presName="level" presStyleLbl="node1" presStyleIdx="2" presStyleCnt="3">
        <dgm:presLayoutVars>
          <dgm:chMax val="1"/>
          <dgm:bulletEnabled val="1"/>
        </dgm:presLayoutVars>
      </dgm:prSet>
      <dgm:spPr/>
    </dgm:pt>
    <dgm:pt modelId="{168F0165-C968-CE4E-8992-A0E5368C6E22}" type="pres">
      <dgm:prSet presAssocID="{C6A57A8D-C4E8-BC4C-A969-7EE7619AF00F}" presName="levelTx" presStyleLbl="revTx" presStyleIdx="0" presStyleCnt="0">
        <dgm:presLayoutVars>
          <dgm:chMax val="1"/>
          <dgm:bulletEnabled val="1"/>
        </dgm:presLayoutVars>
      </dgm:prSet>
      <dgm:spPr/>
    </dgm:pt>
  </dgm:ptLst>
  <dgm:cxnLst>
    <dgm:cxn modelId="{3BFBC845-28F9-C14E-A4D3-5F3FD597A9C9}" type="presOf" srcId="{ABB3EB0C-9910-E844-8DB2-67F5C05CB016}" destId="{99020540-9DA6-074B-9199-B7BF33243838}" srcOrd="0" destOrd="0" presId="urn:microsoft.com/office/officeart/2005/8/layout/pyramid1"/>
    <dgm:cxn modelId="{8E779E4E-0CB8-C44E-A341-E6D8736D81E7}" type="presOf" srcId="{C6A57A8D-C4E8-BC4C-A969-7EE7619AF00F}" destId="{4C17340A-8D66-1B49-B832-E8B3CA9E4BA4}" srcOrd="0" destOrd="0" presId="urn:microsoft.com/office/officeart/2005/8/layout/pyramid1"/>
    <dgm:cxn modelId="{0BDE135B-99D2-E54B-8055-88E5F4FB993A}" type="presOf" srcId="{ABB3EB0C-9910-E844-8DB2-67F5C05CB016}" destId="{9148328D-1AD2-AF4D-B4C1-161F2637D0B8}" srcOrd="1" destOrd="0" presId="urn:microsoft.com/office/officeart/2005/8/layout/pyramid1"/>
    <dgm:cxn modelId="{9D7E4660-4000-9F4A-A976-265CE62BE669}" type="presOf" srcId="{01CA6C18-7251-6046-BE42-B85AABF7514B}" destId="{277AF439-F73A-2E45-B8AC-F8695E8869E0}" srcOrd="0" destOrd="0" presId="urn:microsoft.com/office/officeart/2005/8/layout/pyramid1"/>
    <dgm:cxn modelId="{7AE97C76-ACAB-FA47-9B8B-832E13DD08DE}" type="presOf" srcId="{C6A57A8D-C4E8-BC4C-A969-7EE7619AF00F}" destId="{168F0165-C968-CE4E-8992-A0E5368C6E22}" srcOrd="1" destOrd="0" presId="urn:microsoft.com/office/officeart/2005/8/layout/pyramid1"/>
    <dgm:cxn modelId="{B6C18385-F858-1A46-8494-766D52984EF7}" type="presOf" srcId="{3A444C9E-B059-3048-A7C1-A73D0307854A}" destId="{40EF0656-9E55-C246-9E56-F50010AA149F}" srcOrd="0" destOrd="0" presId="urn:microsoft.com/office/officeart/2005/8/layout/pyramid1"/>
    <dgm:cxn modelId="{90332191-92F4-0E44-A15C-656A71F1004A}" srcId="{01CA6C18-7251-6046-BE42-B85AABF7514B}" destId="{ABB3EB0C-9910-E844-8DB2-67F5C05CB016}" srcOrd="0" destOrd="0" parTransId="{2E604230-2439-0F42-9FD6-0CB2C8E9C500}" sibTransId="{B60E09E0-B83E-E14A-9EE1-2061449E1B85}"/>
    <dgm:cxn modelId="{BC9447AB-F4D7-914C-B629-8B4861D1E2AB}" type="presOf" srcId="{3A444C9E-B059-3048-A7C1-A73D0307854A}" destId="{E56170B7-903F-204D-897A-438FAE0C0F59}" srcOrd="1" destOrd="0" presId="urn:microsoft.com/office/officeart/2005/8/layout/pyramid1"/>
    <dgm:cxn modelId="{DEF117C1-4FEC-3F45-8218-4C3A0C99F0EE}" srcId="{01CA6C18-7251-6046-BE42-B85AABF7514B}" destId="{3A444C9E-B059-3048-A7C1-A73D0307854A}" srcOrd="1" destOrd="0" parTransId="{F8BCEC80-1876-064F-AD28-105A74BB5D6B}" sibTransId="{CA14D162-738F-7349-B204-ABBDB1204F62}"/>
    <dgm:cxn modelId="{369951C2-0E21-1646-9B45-4A71D5F4CF98}" srcId="{01CA6C18-7251-6046-BE42-B85AABF7514B}" destId="{C6A57A8D-C4E8-BC4C-A969-7EE7619AF00F}" srcOrd="2" destOrd="0" parTransId="{55C620EA-44D9-FC4C-89C9-684C889E4E79}" sibTransId="{F10B61C1-7E62-654D-9D94-AA0060994020}"/>
    <dgm:cxn modelId="{FF2A7B3F-2D98-7546-B86A-DBB69A4EE143}" type="presParOf" srcId="{277AF439-F73A-2E45-B8AC-F8695E8869E0}" destId="{1D312F78-AD90-5E42-86CF-A272F09A7AFA}" srcOrd="0" destOrd="0" presId="urn:microsoft.com/office/officeart/2005/8/layout/pyramid1"/>
    <dgm:cxn modelId="{49DC0F0C-DC0B-9946-9866-AEF267CC9CC9}" type="presParOf" srcId="{1D312F78-AD90-5E42-86CF-A272F09A7AFA}" destId="{99020540-9DA6-074B-9199-B7BF33243838}" srcOrd="0" destOrd="0" presId="urn:microsoft.com/office/officeart/2005/8/layout/pyramid1"/>
    <dgm:cxn modelId="{BFC9CB2B-B75F-DD43-AD10-CC01DC42B2DA}" type="presParOf" srcId="{1D312F78-AD90-5E42-86CF-A272F09A7AFA}" destId="{9148328D-1AD2-AF4D-B4C1-161F2637D0B8}" srcOrd="1" destOrd="0" presId="urn:microsoft.com/office/officeart/2005/8/layout/pyramid1"/>
    <dgm:cxn modelId="{4BED2521-5BC3-A241-ADF5-3DB4742CD759}" type="presParOf" srcId="{277AF439-F73A-2E45-B8AC-F8695E8869E0}" destId="{6A64DCDB-13F5-1643-B018-7222F4DBC709}" srcOrd="1" destOrd="0" presId="urn:microsoft.com/office/officeart/2005/8/layout/pyramid1"/>
    <dgm:cxn modelId="{14A05CC5-E62A-7744-A3DD-EC87191F5D64}" type="presParOf" srcId="{6A64DCDB-13F5-1643-B018-7222F4DBC709}" destId="{40EF0656-9E55-C246-9E56-F50010AA149F}" srcOrd="0" destOrd="0" presId="urn:microsoft.com/office/officeart/2005/8/layout/pyramid1"/>
    <dgm:cxn modelId="{CE793E46-78CA-A649-A908-EAF027708D41}" type="presParOf" srcId="{6A64DCDB-13F5-1643-B018-7222F4DBC709}" destId="{E56170B7-903F-204D-897A-438FAE0C0F59}" srcOrd="1" destOrd="0" presId="urn:microsoft.com/office/officeart/2005/8/layout/pyramid1"/>
    <dgm:cxn modelId="{613D8029-593D-7A4F-B4C8-3EDDA2D75E83}" type="presParOf" srcId="{277AF439-F73A-2E45-B8AC-F8695E8869E0}" destId="{9EE8BC85-B261-5D4E-A737-683C599FAB5A}" srcOrd="2" destOrd="0" presId="urn:microsoft.com/office/officeart/2005/8/layout/pyramid1"/>
    <dgm:cxn modelId="{371CB570-B55E-4243-A213-3962593E81E7}" type="presParOf" srcId="{9EE8BC85-B261-5D4E-A737-683C599FAB5A}" destId="{4C17340A-8D66-1B49-B832-E8B3CA9E4BA4}" srcOrd="0" destOrd="0" presId="urn:microsoft.com/office/officeart/2005/8/layout/pyramid1"/>
    <dgm:cxn modelId="{32741FFE-65E9-8144-AA7C-088E59F85D42}" type="presParOf" srcId="{9EE8BC85-B261-5D4E-A737-683C599FAB5A}" destId="{168F0165-C968-CE4E-8992-A0E5368C6E22}" srcOrd="1" destOrd="0" presId="urn:microsoft.com/office/officeart/2005/8/layout/pyramid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99A55F6-F268-9E4E-B353-A8660F760D95}" type="doc">
      <dgm:prSet loTypeId="urn:microsoft.com/office/officeart/2005/8/layout/cycle2" loCatId="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BB75A6C4-BE46-4D4F-B87F-7C79E9EA3F58}">
      <dgm:prSet phldrT="[Text]"/>
      <dgm:spPr/>
      <dgm:t>
        <a:bodyPr/>
        <a:lstStyle/>
        <a:p>
          <a:r>
            <a:rPr lang="en-GB" dirty="0"/>
            <a:t>content</a:t>
          </a:r>
        </a:p>
      </dgm:t>
    </dgm:pt>
    <dgm:pt modelId="{712CF6AB-0586-B64C-8B72-8E6A5F233032}" type="parTrans" cxnId="{A6A98F65-D3C9-1448-AA6A-C883818259B8}">
      <dgm:prSet/>
      <dgm:spPr/>
      <dgm:t>
        <a:bodyPr/>
        <a:lstStyle/>
        <a:p>
          <a:endParaRPr lang="en-GB"/>
        </a:p>
      </dgm:t>
    </dgm:pt>
    <dgm:pt modelId="{D45E4DBC-7E31-5A4E-B1D8-9E5E56663CD1}" type="sibTrans" cxnId="{A6A98F65-D3C9-1448-AA6A-C883818259B8}">
      <dgm:prSet/>
      <dgm:spPr/>
      <dgm:t>
        <a:bodyPr/>
        <a:lstStyle/>
        <a:p>
          <a:endParaRPr lang="en-GB"/>
        </a:p>
      </dgm:t>
    </dgm:pt>
    <dgm:pt modelId="{473349F0-983C-0047-8F67-91F9332D7B5F}">
      <dgm:prSet phldrT="[Text]"/>
      <dgm:spPr/>
      <dgm:t>
        <a:bodyPr/>
        <a:lstStyle/>
        <a:p>
          <a:r>
            <a:rPr lang="en-GB" dirty="0"/>
            <a:t>content</a:t>
          </a:r>
        </a:p>
      </dgm:t>
    </dgm:pt>
    <dgm:pt modelId="{A8CFE582-8787-0C44-B783-1F03941E92B2}" type="parTrans" cxnId="{7B4935CD-3F10-B040-9D38-F1552173B518}">
      <dgm:prSet/>
      <dgm:spPr/>
      <dgm:t>
        <a:bodyPr/>
        <a:lstStyle/>
        <a:p>
          <a:endParaRPr lang="en-GB"/>
        </a:p>
      </dgm:t>
    </dgm:pt>
    <dgm:pt modelId="{1BDCECED-8646-714E-82FC-883A465A10AD}" type="sibTrans" cxnId="{7B4935CD-3F10-B040-9D38-F1552173B518}">
      <dgm:prSet/>
      <dgm:spPr/>
      <dgm:t>
        <a:bodyPr/>
        <a:lstStyle/>
        <a:p>
          <a:endParaRPr lang="en-GB"/>
        </a:p>
      </dgm:t>
    </dgm:pt>
    <dgm:pt modelId="{5D957349-D236-4746-98C9-508AEF2387FE}">
      <dgm:prSet phldrT="[Text]"/>
      <dgm:spPr/>
      <dgm:t>
        <a:bodyPr/>
        <a:lstStyle/>
        <a:p>
          <a:r>
            <a:rPr lang="en-GB" dirty="0"/>
            <a:t>content</a:t>
          </a:r>
        </a:p>
      </dgm:t>
    </dgm:pt>
    <dgm:pt modelId="{38FB5323-8C30-574F-B057-3E1F4937B4EC}" type="parTrans" cxnId="{84CC2A9E-3E12-3847-9B0C-DFAE4EC10B68}">
      <dgm:prSet/>
      <dgm:spPr/>
      <dgm:t>
        <a:bodyPr/>
        <a:lstStyle/>
        <a:p>
          <a:endParaRPr lang="en-GB"/>
        </a:p>
      </dgm:t>
    </dgm:pt>
    <dgm:pt modelId="{1652EC77-8959-2B47-A7A4-094ED3E7D19B}" type="sibTrans" cxnId="{84CC2A9E-3E12-3847-9B0C-DFAE4EC10B68}">
      <dgm:prSet/>
      <dgm:spPr/>
      <dgm:t>
        <a:bodyPr/>
        <a:lstStyle/>
        <a:p>
          <a:endParaRPr lang="en-GB"/>
        </a:p>
      </dgm:t>
    </dgm:pt>
    <dgm:pt modelId="{6FB08378-BE9C-7647-8EE5-49E195B9BDA1}">
      <dgm:prSet phldrT="[Text]"/>
      <dgm:spPr/>
      <dgm:t>
        <a:bodyPr/>
        <a:lstStyle/>
        <a:p>
          <a:r>
            <a:rPr lang="en-GB" dirty="0"/>
            <a:t>content</a:t>
          </a:r>
        </a:p>
      </dgm:t>
    </dgm:pt>
    <dgm:pt modelId="{95FCD0F7-3AA3-2E4B-87FD-BFEBFA823E86}" type="parTrans" cxnId="{DB195D20-FD63-C742-9C10-A00561D541CF}">
      <dgm:prSet/>
      <dgm:spPr/>
      <dgm:t>
        <a:bodyPr/>
        <a:lstStyle/>
        <a:p>
          <a:endParaRPr lang="en-GB"/>
        </a:p>
      </dgm:t>
    </dgm:pt>
    <dgm:pt modelId="{6A111B01-7253-5246-B38F-7D1D569DE52F}" type="sibTrans" cxnId="{DB195D20-FD63-C742-9C10-A00561D541CF}">
      <dgm:prSet/>
      <dgm:spPr/>
      <dgm:t>
        <a:bodyPr/>
        <a:lstStyle/>
        <a:p>
          <a:endParaRPr lang="en-GB"/>
        </a:p>
      </dgm:t>
    </dgm:pt>
    <dgm:pt modelId="{D5467E52-958B-D44C-AFF1-852E75A5BDAB}">
      <dgm:prSet phldrT="[Text]"/>
      <dgm:spPr/>
      <dgm:t>
        <a:bodyPr/>
        <a:lstStyle/>
        <a:p>
          <a:r>
            <a:rPr lang="en-GB" dirty="0"/>
            <a:t>content</a:t>
          </a:r>
        </a:p>
      </dgm:t>
    </dgm:pt>
    <dgm:pt modelId="{7C88FBFA-A8E0-9D4B-AB7F-BC8760AA2AB2}" type="parTrans" cxnId="{D2278CE0-2819-D347-89B2-08ED44BDBB60}">
      <dgm:prSet/>
      <dgm:spPr/>
      <dgm:t>
        <a:bodyPr/>
        <a:lstStyle/>
        <a:p>
          <a:endParaRPr lang="en-GB"/>
        </a:p>
      </dgm:t>
    </dgm:pt>
    <dgm:pt modelId="{5B0CDC6D-B497-B44B-8D4E-82F0248229C6}" type="sibTrans" cxnId="{D2278CE0-2819-D347-89B2-08ED44BDBB60}">
      <dgm:prSet/>
      <dgm:spPr/>
      <dgm:t>
        <a:bodyPr/>
        <a:lstStyle/>
        <a:p>
          <a:endParaRPr lang="en-GB"/>
        </a:p>
      </dgm:t>
    </dgm:pt>
    <dgm:pt modelId="{B1C55C62-324C-6C4B-B455-BDB0B9F7C6D5}" type="pres">
      <dgm:prSet presAssocID="{899A55F6-F268-9E4E-B353-A8660F760D95}" presName="cycle" presStyleCnt="0">
        <dgm:presLayoutVars>
          <dgm:dir/>
          <dgm:resizeHandles val="exact"/>
        </dgm:presLayoutVars>
      </dgm:prSet>
      <dgm:spPr/>
    </dgm:pt>
    <dgm:pt modelId="{1BD968D9-C506-B842-907C-22B96D166B8B}" type="pres">
      <dgm:prSet presAssocID="{BB75A6C4-BE46-4D4F-B87F-7C79E9EA3F58}" presName="node" presStyleLbl="node1" presStyleIdx="0" presStyleCnt="5">
        <dgm:presLayoutVars>
          <dgm:bulletEnabled val="1"/>
        </dgm:presLayoutVars>
      </dgm:prSet>
      <dgm:spPr/>
    </dgm:pt>
    <dgm:pt modelId="{BEF39402-F723-2347-A371-73227F94A863}" type="pres">
      <dgm:prSet presAssocID="{D45E4DBC-7E31-5A4E-B1D8-9E5E56663CD1}" presName="sibTrans" presStyleLbl="sibTrans2D1" presStyleIdx="0" presStyleCnt="5"/>
      <dgm:spPr/>
    </dgm:pt>
    <dgm:pt modelId="{F82EA402-556E-004D-A95F-7596E183EF76}" type="pres">
      <dgm:prSet presAssocID="{D45E4DBC-7E31-5A4E-B1D8-9E5E56663CD1}" presName="connectorText" presStyleLbl="sibTrans2D1" presStyleIdx="0" presStyleCnt="5"/>
      <dgm:spPr/>
    </dgm:pt>
    <dgm:pt modelId="{F9CC497A-7A5D-5640-B715-51FBA51501BA}" type="pres">
      <dgm:prSet presAssocID="{473349F0-983C-0047-8F67-91F9332D7B5F}" presName="node" presStyleLbl="node1" presStyleIdx="1" presStyleCnt="5">
        <dgm:presLayoutVars>
          <dgm:bulletEnabled val="1"/>
        </dgm:presLayoutVars>
      </dgm:prSet>
      <dgm:spPr/>
    </dgm:pt>
    <dgm:pt modelId="{D02AE47F-0686-8C4F-96F5-7F7649C57E69}" type="pres">
      <dgm:prSet presAssocID="{1BDCECED-8646-714E-82FC-883A465A10AD}" presName="sibTrans" presStyleLbl="sibTrans2D1" presStyleIdx="1" presStyleCnt="5"/>
      <dgm:spPr/>
    </dgm:pt>
    <dgm:pt modelId="{0C9ABC49-260C-1546-B68B-F9CA92A3BFE7}" type="pres">
      <dgm:prSet presAssocID="{1BDCECED-8646-714E-82FC-883A465A10AD}" presName="connectorText" presStyleLbl="sibTrans2D1" presStyleIdx="1" presStyleCnt="5"/>
      <dgm:spPr/>
    </dgm:pt>
    <dgm:pt modelId="{F14ACEFE-188D-8442-AF5C-11A02F1E8E69}" type="pres">
      <dgm:prSet presAssocID="{5D957349-D236-4746-98C9-508AEF2387FE}" presName="node" presStyleLbl="node1" presStyleIdx="2" presStyleCnt="5">
        <dgm:presLayoutVars>
          <dgm:bulletEnabled val="1"/>
        </dgm:presLayoutVars>
      </dgm:prSet>
      <dgm:spPr/>
    </dgm:pt>
    <dgm:pt modelId="{860C48F2-A56B-964A-AE03-532BD50CAE6D}" type="pres">
      <dgm:prSet presAssocID="{1652EC77-8959-2B47-A7A4-094ED3E7D19B}" presName="sibTrans" presStyleLbl="sibTrans2D1" presStyleIdx="2" presStyleCnt="5"/>
      <dgm:spPr/>
    </dgm:pt>
    <dgm:pt modelId="{F7AF1750-94DC-2B40-974D-8DFC4390AEBD}" type="pres">
      <dgm:prSet presAssocID="{1652EC77-8959-2B47-A7A4-094ED3E7D19B}" presName="connectorText" presStyleLbl="sibTrans2D1" presStyleIdx="2" presStyleCnt="5"/>
      <dgm:spPr/>
    </dgm:pt>
    <dgm:pt modelId="{ABB1A932-39FF-494D-ADCD-6A184F16107B}" type="pres">
      <dgm:prSet presAssocID="{6FB08378-BE9C-7647-8EE5-49E195B9BDA1}" presName="node" presStyleLbl="node1" presStyleIdx="3" presStyleCnt="5">
        <dgm:presLayoutVars>
          <dgm:bulletEnabled val="1"/>
        </dgm:presLayoutVars>
      </dgm:prSet>
      <dgm:spPr/>
    </dgm:pt>
    <dgm:pt modelId="{23577280-18E3-6541-9DF4-9495C912DB1D}" type="pres">
      <dgm:prSet presAssocID="{6A111B01-7253-5246-B38F-7D1D569DE52F}" presName="sibTrans" presStyleLbl="sibTrans2D1" presStyleIdx="3" presStyleCnt="5"/>
      <dgm:spPr/>
    </dgm:pt>
    <dgm:pt modelId="{B2212AAE-40BA-FE49-99E8-5CE9F8126B94}" type="pres">
      <dgm:prSet presAssocID="{6A111B01-7253-5246-B38F-7D1D569DE52F}" presName="connectorText" presStyleLbl="sibTrans2D1" presStyleIdx="3" presStyleCnt="5"/>
      <dgm:spPr/>
    </dgm:pt>
    <dgm:pt modelId="{7F7E1AA9-0D72-1848-BD68-B77CD27BEA2E}" type="pres">
      <dgm:prSet presAssocID="{D5467E52-958B-D44C-AFF1-852E75A5BDAB}" presName="node" presStyleLbl="node1" presStyleIdx="4" presStyleCnt="5">
        <dgm:presLayoutVars>
          <dgm:bulletEnabled val="1"/>
        </dgm:presLayoutVars>
      </dgm:prSet>
      <dgm:spPr/>
    </dgm:pt>
    <dgm:pt modelId="{D6C00EDE-64B5-1F4F-B5E2-CCCFA797D5A5}" type="pres">
      <dgm:prSet presAssocID="{5B0CDC6D-B497-B44B-8D4E-82F0248229C6}" presName="sibTrans" presStyleLbl="sibTrans2D1" presStyleIdx="4" presStyleCnt="5"/>
      <dgm:spPr/>
    </dgm:pt>
    <dgm:pt modelId="{6621C5BE-AC92-C94D-8328-82D2533BE632}" type="pres">
      <dgm:prSet presAssocID="{5B0CDC6D-B497-B44B-8D4E-82F0248229C6}" presName="connectorText" presStyleLbl="sibTrans2D1" presStyleIdx="4" presStyleCnt="5"/>
      <dgm:spPr/>
    </dgm:pt>
  </dgm:ptLst>
  <dgm:cxnLst>
    <dgm:cxn modelId="{3E727F18-457C-7645-B2EE-B86357025113}" type="presOf" srcId="{1652EC77-8959-2B47-A7A4-094ED3E7D19B}" destId="{F7AF1750-94DC-2B40-974D-8DFC4390AEBD}" srcOrd="1" destOrd="0" presId="urn:microsoft.com/office/officeart/2005/8/layout/cycle2"/>
    <dgm:cxn modelId="{55ABB91D-9CC5-8246-9539-2BBAB2878FD2}" type="presOf" srcId="{6FB08378-BE9C-7647-8EE5-49E195B9BDA1}" destId="{ABB1A932-39FF-494D-ADCD-6A184F16107B}" srcOrd="0" destOrd="0" presId="urn:microsoft.com/office/officeart/2005/8/layout/cycle2"/>
    <dgm:cxn modelId="{DB195D20-FD63-C742-9C10-A00561D541CF}" srcId="{899A55F6-F268-9E4E-B353-A8660F760D95}" destId="{6FB08378-BE9C-7647-8EE5-49E195B9BDA1}" srcOrd="3" destOrd="0" parTransId="{95FCD0F7-3AA3-2E4B-87FD-BFEBFA823E86}" sibTransId="{6A111B01-7253-5246-B38F-7D1D569DE52F}"/>
    <dgm:cxn modelId="{4BA28B22-B379-B649-BD28-2E85309A6D54}" type="presOf" srcId="{D45E4DBC-7E31-5A4E-B1D8-9E5E56663CD1}" destId="{BEF39402-F723-2347-A371-73227F94A863}" srcOrd="0" destOrd="0" presId="urn:microsoft.com/office/officeart/2005/8/layout/cycle2"/>
    <dgm:cxn modelId="{C0FFE32D-A2FC-3C4D-948F-09D5300E8D6D}" type="presOf" srcId="{6A111B01-7253-5246-B38F-7D1D569DE52F}" destId="{23577280-18E3-6541-9DF4-9495C912DB1D}" srcOrd="0" destOrd="0" presId="urn:microsoft.com/office/officeart/2005/8/layout/cycle2"/>
    <dgm:cxn modelId="{6315A557-39B5-DD47-8F7D-08CE3588852A}" type="presOf" srcId="{D45E4DBC-7E31-5A4E-B1D8-9E5E56663CD1}" destId="{F82EA402-556E-004D-A95F-7596E183EF76}" srcOrd="1" destOrd="0" presId="urn:microsoft.com/office/officeart/2005/8/layout/cycle2"/>
    <dgm:cxn modelId="{A6A98F65-D3C9-1448-AA6A-C883818259B8}" srcId="{899A55F6-F268-9E4E-B353-A8660F760D95}" destId="{BB75A6C4-BE46-4D4F-B87F-7C79E9EA3F58}" srcOrd="0" destOrd="0" parTransId="{712CF6AB-0586-B64C-8B72-8E6A5F233032}" sibTransId="{D45E4DBC-7E31-5A4E-B1D8-9E5E56663CD1}"/>
    <dgm:cxn modelId="{C98BA369-2CAE-BE48-829A-06D1DF681473}" type="presOf" srcId="{473349F0-983C-0047-8F67-91F9332D7B5F}" destId="{F9CC497A-7A5D-5640-B715-51FBA51501BA}" srcOrd="0" destOrd="0" presId="urn:microsoft.com/office/officeart/2005/8/layout/cycle2"/>
    <dgm:cxn modelId="{58DE6271-B7D7-114C-B1DF-A9D7116DF04C}" type="presOf" srcId="{1BDCECED-8646-714E-82FC-883A465A10AD}" destId="{0C9ABC49-260C-1546-B68B-F9CA92A3BFE7}" srcOrd="1" destOrd="0" presId="urn:microsoft.com/office/officeart/2005/8/layout/cycle2"/>
    <dgm:cxn modelId="{E6BDA484-E8B5-9A4B-85FE-84B2A24CB7C6}" type="presOf" srcId="{1BDCECED-8646-714E-82FC-883A465A10AD}" destId="{D02AE47F-0686-8C4F-96F5-7F7649C57E69}" srcOrd="0" destOrd="0" presId="urn:microsoft.com/office/officeart/2005/8/layout/cycle2"/>
    <dgm:cxn modelId="{8E9AB292-6880-3C43-82AF-CED790BE7784}" type="presOf" srcId="{5D957349-D236-4746-98C9-508AEF2387FE}" destId="{F14ACEFE-188D-8442-AF5C-11A02F1E8E69}" srcOrd="0" destOrd="0" presId="urn:microsoft.com/office/officeart/2005/8/layout/cycle2"/>
    <dgm:cxn modelId="{84CC2A9E-3E12-3847-9B0C-DFAE4EC10B68}" srcId="{899A55F6-F268-9E4E-B353-A8660F760D95}" destId="{5D957349-D236-4746-98C9-508AEF2387FE}" srcOrd="2" destOrd="0" parTransId="{38FB5323-8C30-574F-B057-3E1F4937B4EC}" sibTransId="{1652EC77-8959-2B47-A7A4-094ED3E7D19B}"/>
    <dgm:cxn modelId="{2CACDDA5-AD51-8546-912A-67F0D8760C97}" type="presOf" srcId="{899A55F6-F268-9E4E-B353-A8660F760D95}" destId="{B1C55C62-324C-6C4B-B455-BDB0B9F7C6D5}" srcOrd="0" destOrd="0" presId="urn:microsoft.com/office/officeart/2005/8/layout/cycle2"/>
    <dgm:cxn modelId="{1463FBA6-BE4A-3044-BE88-2292E360F693}" type="presOf" srcId="{D5467E52-958B-D44C-AFF1-852E75A5BDAB}" destId="{7F7E1AA9-0D72-1848-BD68-B77CD27BEA2E}" srcOrd="0" destOrd="0" presId="urn:microsoft.com/office/officeart/2005/8/layout/cycle2"/>
    <dgm:cxn modelId="{BAE9B5A7-F1EE-B74A-90A8-0434A5156462}" type="presOf" srcId="{5B0CDC6D-B497-B44B-8D4E-82F0248229C6}" destId="{D6C00EDE-64B5-1F4F-B5E2-CCCFA797D5A5}" srcOrd="0" destOrd="0" presId="urn:microsoft.com/office/officeart/2005/8/layout/cycle2"/>
    <dgm:cxn modelId="{072F93B5-BA96-044E-9EA5-B05CE939FC64}" type="presOf" srcId="{6A111B01-7253-5246-B38F-7D1D569DE52F}" destId="{B2212AAE-40BA-FE49-99E8-5CE9F8126B94}" srcOrd="1" destOrd="0" presId="urn:microsoft.com/office/officeart/2005/8/layout/cycle2"/>
    <dgm:cxn modelId="{7B4935CD-3F10-B040-9D38-F1552173B518}" srcId="{899A55F6-F268-9E4E-B353-A8660F760D95}" destId="{473349F0-983C-0047-8F67-91F9332D7B5F}" srcOrd="1" destOrd="0" parTransId="{A8CFE582-8787-0C44-B783-1F03941E92B2}" sibTransId="{1BDCECED-8646-714E-82FC-883A465A10AD}"/>
    <dgm:cxn modelId="{B41FA4D6-9016-1845-A568-BBABC169411A}" type="presOf" srcId="{5B0CDC6D-B497-B44B-8D4E-82F0248229C6}" destId="{6621C5BE-AC92-C94D-8328-82D2533BE632}" srcOrd="1" destOrd="0" presId="urn:microsoft.com/office/officeart/2005/8/layout/cycle2"/>
    <dgm:cxn modelId="{D2278CE0-2819-D347-89B2-08ED44BDBB60}" srcId="{899A55F6-F268-9E4E-B353-A8660F760D95}" destId="{D5467E52-958B-D44C-AFF1-852E75A5BDAB}" srcOrd="4" destOrd="0" parTransId="{7C88FBFA-A8E0-9D4B-AB7F-BC8760AA2AB2}" sibTransId="{5B0CDC6D-B497-B44B-8D4E-82F0248229C6}"/>
    <dgm:cxn modelId="{BC0766E5-10B7-4C4D-BFBC-8A297850737D}" type="presOf" srcId="{1652EC77-8959-2B47-A7A4-094ED3E7D19B}" destId="{860C48F2-A56B-964A-AE03-532BD50CAE6D}" srcOrd="0" destOrd="0" presId="urn:microsoft.com/office/officeart/2005/8/layout/cycle2"/>
    <dgm:cxn modelId="{678B79FB-0141-1940-A97E-76C53CEED800}" type="presOf" srcId="{BB75A6C4-BE46-4D4F-B87F-7C79E9EA3F58}" destId="{1BD968D9-C506-B842-907C-22B96D166B8B}" srcOrd="0" destOrd="0" presId="urn:microsoft.com/office/officeart/2005/8/layout/cycle2"/>
    <dgm:cxn modelId="{6677976B-6C1B-A140-803E-C91EB48979AC}" type="presParOf" srcId="{B1C55C62-324C-6C4B-B455-BDB0B9F7C6D5}" destId="{1BD968D9-C506-B842-907C-22B96D166B8B}" srcOrd="0" destOrd="0" presId="urn:microsoft.com/office/officeart/2005/8/layout/cycle2"/>
    <dgm:cxn modelId="{BE22D847-5456-9C4F-9B5A-0956E5DA54E8}" type="presParOf" srcId="{B1C55C62-324C-6C4B-B455-BDB0B9F7C6D5}" destId="{BEF39402-F723-2347-A371-73227F94A863}" srcOrd="1" destOrd="0" presId="urn:microsoft.com/office/officeart/2005/8/layout/cycle2"/>
    <dgm:cxn modelId="{C9E5D67E-665C-4A4E-9254-73225284E7BF}" type="presParOf" srcId="{BEF39402-F723-2347-A371-73227F94A863}" destId="{F82EA402-556E-004D-A95F-7596E183EF76}" srcOrd="0" destOrd="0" presId="urn:microsoft.com/office/officeart/2005/8/layout/cycle2"/>
    <dgm:cxn modelId="{AC915BDC-E9FC-5940-867E-F655A342AF8A}" type="presParOf" srcId="{B1C55C62-324C-6C4B-B455-BDB0B9F7C6D5}" destId="{F9CC497A-7A5D-5640-B715-51FBA51501BA}" srcOrd="2" destOrd="0" presId="urn:microsoft.com/office/officeart/2005/8/layout/cycle2"/>
    <dgm:cxn modelId="{64724261-B8F5-0245-93E8-318FB625EC89}" type="presParOf" srcId="{B1C55C62-324C-6C4B-B455-BDB0B9F7C6D5}" destId="{D02AE47F-0686-8C4F-96F5-7F7649C57E69}" srcOrd="3" destOrd="0" presId="urn:microsoft.com/office/officeart/2005/8/layout/cycle2"/>
    <dgm:cxn modelId="{BB45DD8E-76AD-E448-89BC-40EFE8ACC180}" type="presParOf" srcId="{D02AE47F-0686-8C4F-96F5-7F7649C57E69}" destId="{0C9ABC49-260C-1546-B68B-F9CA92A3BFE7}" srcOrd="0" destOrd="0" presId="urn:microsoft.com/office/officeart/2005/8/layout/cycle2"/>
    <dgm:cxn modelId="{93445068-6C45-BF4C-BCE1-281F79410692}" type="presParOf" srcId="{B1C55C62-324C-6C4B-B455-BDB0B9F7C6D5}" destId="{F14ACEFE-188D-8442-AF5C-11A02F1E8E69}" srcOrd="4" destOrd="0" presId="urn:microsoft.com/office/officeart/2005/8/layout/cycle2"/>
    <dgm:cxn modelId="{B3940F48-FAD7-4245-BDEC-31B4477A6D21}" type="presParOf" srcId="{B1C55C62-324C-6C4B-B455-BDB0B9F7C6D5}" destId="{860C48F2-A56B-964A-AE03-532BD50CAE6D}" srcOrd="5" destOrd="0" presId="urn:microsoft.com/office/officeart/2005/8/layout/cycle2"/>
    <dgm:cxn modelId="{AD0D779B-B530-C943-AD3B-940FDF45B4B4}" type="presParOf" srcId="{860C48F2-A56B-964A-AE03-532BD50CAE6D}" destId="{F7AF1750-94DC-2B40-974D-8DFC4390AEBD}" srcOrd="0" destOrd="0" presId="urn:microsoft.com/office/officeart/2005/8/layout/cycle2"/>
    <dgm:cxn modelId="{55ECB97F-67EB-1F49-8E63-B75662D39168}" type="presParOf" srcId="{B1C55C62-324C-6C4B-B455-BDB0B9F7C6D5}" destId="{ABB1A932-39FF-494D-ADCD-6A184F16107B}" srcOrd="6" destOrd="0" presId="urn:microsoft.com/office/officeart/2005/8/layout/cycle2"/>
    <dgm:cxn modelId="{1A92F7E6-52C2-6943-832F-866673FE8A72}" type="presParOf" srcId="{B1C55C62-324C-6C4B-B455-BDB0B9F7C6D5}" destId="{23577280-18E3-6541-9DF4-9495C912DB1D}" srcOrd="7" destOrd="0" presId="urn:microsoft.com/office/officeart/2005/8/layout/cycle2"/>
    <dgm:cxn modelId="{41C4D0AD-145D-454A-8FF7-C48E89916493}" type="presParOf" srcId="{23577280-18E3-6541-9DF4-9495C912DB1D}" destId="{B2212AAE-40BA-FE49-99E8-5CE9F8126B94}" srcOrd="0" destOrd="0" presId="urn:microsoft.com/office/officeart/2005/8/layout/cycle2"/>
    <dgm:cxn modelId="{46123805-B519-BE47-A6AB-37EC702E9049}" type="presParOf" srcId="{B1C55C62-324C-6C4B-B455-BDB0B9F7C6D5}" destId="{7F7E1AA9-0D72-1848-BD68-B77CD27BEA2E}" srcOrd="8" destOrd="0" presId="urn:microsoft.com/office/officeart/2005/8/layout/cycle2"/>
    <dgm:cxn modelId="{0C86A671-086F-BE43-9CDF-3F405F6275C0}" type="presParOf" srcId="{B1C55C62-324C-6C4B-B455-BDB0B9F7C6D5}" destId="{D6C00EDE-64B5-1F4F-B5E2-CCCFA797D5A5}" srcOrd="9" destOrd="0" presId="urn:microsoft.com/office/officeart/2005/8/layout/cycle2"/>
    <dgm:cxn modelId="{3DCF97D7-1879-A54D-8BE5-C900CCE9AEF5}" type="presParOf" srcId="{D6C00EDE-64B5-1F4F-B5E2-CCCFA797D5A5}" destId="{6621C5BE-AC92-C94D-8328-82D2533BE632}" srcOrd="0" destOrd="0" presId="urn:microsoft.com/office/officeart/2005/8/layout/cycle2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3AB3E02-3838-B744-A5B0-6A37B9D75DC2}" type="doc">
      <dgm:prSet loTypeId="urn:microsoft.com/office/officeart/2005/8/layout/arrow5" loCatId="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E4DAB094-A2E6-434F-A587-38548151BA52}">
      <dgm:prSet phldrT="[Text]"/>
      <dgm:spPr/>
      <dgm:t>
        <a:bodyPr/>
        <a:lstStyle/>
        <a:p>
          <a:r>
            <a:rPr lang="en-US" dirty="0"/>
            <a:t>Libertarian ideology</a:t>
          </a:r>
        </a:p>
        <a:p>
          <a:r>
            <a:rPr lang="en-US" dirty="0"/>
            <a:t>(J P Barlow, EFF, hacker culture, </a:t>
          </a:r>
          <a:r>
            <a:rPr lang="en-US" dirty="0" err="1"/>
            <a:t>Wikileaks</a:t>
          </a:r>
          <a:r>
            <a:rPr lang="en-US" dirty="0"/>
            <a:t>)</a:t>
          </a:r>
        </a:p>
      </dgm:t>
    </dgm:pt>
    <dgm:pt modelId="{9EA7785F-7408-8947-9B12-EBB4B8697007}" type="parTrans" cxnId="{839B0E1F-4C8E-BD48-ADFC-FECC26914CC3}">
      <dgm:prSet/>
      <dgm:spPr/>
      <dgm:t>
        <a:bodyPr/>
        <a:lstStyle/>
        <a:p>
          <a:endParaRPr lang="en-US"/>
        </a:p>
      </dgm:t>
    </dgm:pt>
    <dgm:pt modelId="{DDDFE538-9915-244D-A1D9-AAEB1DDE1448}" type="sibTrans" cxnId="{839B0E1F-4C8E-BD48-ADFC-FECC26914CC3}">
      <dgm:prSet/>
      <dgm:spPr/>
      <dgm:t>
        <a:bodyPr/>
        <a:lstStyle/>
        <a:p>
          <a:endParaRPr lang="en-US"/>
        </a:p>
      </dgm:t>
    </dgm:pt>
    <dgm:pt modelId="{189C4536-134C-6044-8EA3-E9C4ED57F908}">
      <dgm:prSet phldrT="[Text]"/>
      <dgm:spPr/>
      <dgm:t>
        <a:bodyPr/>
        <a:lstStyle/>
        <a:p>
          <a:r>
            <a:rPr lang="en-US" dirty="0"/>
            <a:t>Proprietary ideology</a:t>
          </a:r>
        </a:p>
        <a:p>
          <a:r>
            <a:rPr lang="en-US" dirty="0"/>
            <a:t>(</a:t>
          </a:r>
          <a:r>
            <a:rPr lang="en-US" dirty="0" err="1"/>
            <a:t>eg.</a:t>
          </a:r>
          <a:r>
            <a:rPr lang="en-US" dirty="0"/>
            <a:t> Facebook, Amazon)</a:t>
          </a:r>
        </a:p>
      </dgm:t>
    </dgm:pt>
    <dgm:pt modelId="{B8BF90BE-905D-8B44-A095-72445FC07418}" type="parTrans" cxnId="{C7C674BF-C1A8-6146-810B-4C1F98D70447}">
      <dgm:prSet/>
      <dgm:spPr/>
      <dgm:t>
        <a:bodyPr/>
        <a:lstStyle/>
        <a:p>
          <a:endParaRPr lang="en-US"/>
        </a:p>
      </dgm:t>
    </dgm:pt>
    <dgm:pt modelId="{25CE236A-B111-4C42-9E66-C7F7AE7B5134}" type="sibTrans" cxnId="{C7C674BF-C1A8-6146-810B-4C1F98D70447}">
      <dgm:prSet/>
      <dgm:spPr/>
      <dgm:t>
        <a:bodyPr/>
        <a:lstStyle/>
        <a:p>
          <a:endParaRPr lang="en-US"/>
        </a:p>
      </dgm:t>
    </dgm:pt>
    <dgm:pt modelId="{5EAA8954-9989-4E45-9ADB-FC2444F4513E}" type="pres">
      <dgm:prSet presAssocID="{93AB3E02-3838-B744-A5B0-6A37B9D75DC2}" presName="diagram" presStyleCnt="0">
        <dgm:presLayoutVars>
          <dgm:dir/>
          <dgm:resizeHandles val="exact"/>
        </dgm:presLayoutVars>
      </dgm:prSet>
      <dgm:spPr/>
    </dgm:pt>
    <dgm:pt modelId="{04855384-1E45-2B4B-8F3C-C4EE67CAA48A}" type="pres">
      <dgm:prSet presAssocID="{E4DAB094-A2E6-434F-A587-38548151BA52}" presName="arrow" presStyleLbl="node1" presStyleIdx="0" presStyleCnt="2">
        <dgm:presLayoutVars>
          <dgm:bulletEnabled val="1"/>
        </dgm:presLayoutVars>
      </dgm:prSet>
      <dgm:spPr/>
    </dgm:pt>
    <dgm:pt modelId="{4DB71579-8B3C-D84F-9F2B-DE55D9449A4D}" type="pres">
      <dgm:prSet presAssocID="{189C4536-134C-6044-8EA3-E9C4ED57F908}" presName="arrow" presStyleLbl="node1" presStyleIdx="1" presStyleCnt="2">
        <dgm:presLayoutVars>
          <dgm:bulletEnabled val="1"/>
        </dgm:presLayoutVars>
      </dgm:prSet>
      <dgm:spPr/>
    </dgm:pt>
  </dgm:ptLst>
  <dgm:cxnLst>
    <dgm:cxn modelId="{839B0E1F-4C8E-BD48-ADFC-FECC26914CC3}" srcId="{93AB3E02-3838-B744-A5B0-6A37B9D75DC2}" destId="{E4DAB094-A2E6-434F-A587-38548151BA52}" srcOrd="0" destOrd="0" parTransId="{9EA7785F-7408-8947-9B12-EBB4B8697007}" sibTransId="{DDDFE538-9915-244D-A1D9-AAEB1DDE1448}"/>
    <dgm:cxn modelId="{1E707620-E1CD-6548-842C-AF00BB8E33B0}" type="presOf" srcId="{189C4536-134C-6044-8EA3-E9C4ED57F908}" destId="{4DB71579-8B3C-D84F-9F2B-DE55D9449A4D}" srcOrd="0" destOrd="0" presId="urn:microsoft.com/office/officeart/2005/8/layout/arrow5"/>
    <dgm:cxn modelId="{8E243090-EA5C-4744-978B-76A99924E910}" type="presOf" srcId="{E4DAB094-A2E6-434F-A587-38548151BA52}" destId="{04855384-1E45-2B4B-8F3C-C4EE67CAA48A}" srcOrd="0" destOrd="0" presId="urn:microsoft.com/office/officeart/2005/8/layout/arrow5"/>
    <dgm:cxn modelId="{FF1D07A0-C3A6-3F41-8EF7-E1D8FB38141D}" type="presOf" srcId="{93AB3E02-3838-B744-A5B0-6A37B9D75DC2}" destId="{5EAA8954-9989-4E45-9ADB-FC2444F4513E}" srcOrd="0" destOrd="0" presId="urn:microsoft.com/office/officeart/2005/8/layout/arrow5"/>
    <dgm:cxn modelId="{C7C674BF-C1A8-6146-810B-4C1F98D70447}" srcId="{93AB3E02-3838-B744-A5B0-6A37B9D75DC2}" destId="{189C4536-134C-6044-8EA3-E9C4ED57F908}" srcOrd="1" destOrd="0" parTransId="{B8BF90BE-905D-8B44-A095-72445FC07418}" sibTransId="{25CE236A-B111-4C42-9E66-C7F7AE7B5134}"/>
    <dgm:cxn modelId="{4A07E0AC-7910-FC4A-B377-E7DC823D65A0}" type="presParOf" srcId="{5EAA8954-9989-4E45-9ADB-FC2444F4513E}" destId="{04855384-1E45-2B4B-8F3C-C4EE67CAA48A}" srcOrd="0" destOrd="0" presId="urn:microsoft.com/office/officeart/2005/8/layout/arrow5"/>
    <dgm:cxn modelId="{8DDC69B3-90BC-9B4A-832A-E686B81D06BA}" type="presParOf" srcId="{5EAA8954-9989-4E45-9ADB-FC2444F4513E}" destId="{4DB71579-8B3C-D84F-9F2B-DE55D9449A4D}" srcOrd="1" destOrd="0" presId="urn:microsoft.com/office/officeart/2005/8/layout/arrow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DD24825E-CB93-054D-AC60-0C888F44ADB4}" type="doc">
      <dgm:prSet loTypeId="urn:microsoft.com/office/officeart/2005/8/layout/cycle2" loCatId="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E9769C8A-9E15-E943-A439-DCAD36A3DF5C}">
      <dgm:prSet phldrT="[Text]"/>
      <dgm:spPr/>
      <dgm:t>
        <a:bodyPr/>
        <a:lstStyle/>
        <a:p>
          <a:r>
            <a:rPr lang="en-GB" dirty="0"/>
            <a:t>Algorithmic moderation</a:t>
          </a:r>
        </a:p>
      </dgm:t>
    </dgm:pt>
    <dgm:pt modelId="{03BCF975-4D7D-2F48-9105-4A0B984CDB2B}" type="parTrans" cxnId="{3266FE68-B910-4343-A2CB-E3870030883A}">
      <dgm:prSet/>
      <dgm:spPr/>
      <dgm:t>
        <a:bodyPr/>
        <a:lstStyle/>
        <a:p>
          <a:endParaRPr lang="en-GB"/>
        </a:p>
      </dgm:t>
    </dgm:pt>
    <dgm:pt modelId="{927B4A11-74DC-0643-A3D5-84AA44641390}" type="sibTrans" cxnId="{3266FE68-B910-4343-A2CB-E3870030883A}">
      <dgm:prSet/>
      <dgm:spPr/>
      <dgm:t>
        <a:bodyPr/>
        <a:lstStyle/>
        <a:p>
          <a:endParaRPr lang="en-GB"/>
        </a:p>
      </dgm:t>
    </dgm:pt>
    <dgm:pt modelId="{B1ED48B0-342D-D44F-AA25-7B5E6D37F15D}">
      <dgm:prSet phldrT="[Text]"/>
      <dgm:spPr/>
      <dgm:t>
        <a:bodyPr/>
        <a:lstStyle/>
        <a:p>
          <a:r>
            <a:rPr lang="en-GB" dirty="0"/>
            <a:t>legislation</a:t>
          </a:r>
        </a:p>
      </dgm:t>
    </dgm:pt>
    <dgm:pt modelId="{E3CD977F-DBB0-F14B-9A3E-D70C63659213}" type="parTrans" cxnId="{16F5B514-5F49-624C-AF23-3BF8F9452D7B}">
      <dgm:prSet/>
      <dgm:spPr/>
      <dgm:t>
        <a:bodyPr/>
        <a:lstStyle/>
        <a:p>
          <a:endParaRPr lang="en-GB"/>
        </a:p>
      </dgm:t>
    </dgm:pt>
    <dgm:pt modelId="{6861B56C-1F4A-5C40-9C6A-F4631F93AB75}" type="sibTrans" cxnId="{16F5B514-5F49-624C-AF23-3BF8F9452D7B}">
      <dgm:prSet/>
      <dgm:spPr/>
      <dgm:t>
        <a:bodyPr/>
        <a:lstStyle/>
        <a:p>
          <a:endParaRPr lang="en-GB"/>
        </a:p>
      </dgm:t>
    </dgm:pt>
    <dgm:pt modelId="{8B56DBFD-9909-C14A-8511-F4FF81390747}">
      <dgm:prSet phldrT="[Text]"/>
      <dgm:spPr/>
      <dgm:t>
        <a:bodyPr/>
        <a:lstStyle/>
        <a:p>
          <a:r>
            <a:rPr lang="en-GB" dirty="0"/>
            <a:t>More algorithmic moderation, censorship</a:t>
          </a:r>
        </a:p>
      </dgm:t>
    </dgm:pt>
    <dgm:pt modelId="{26E13842-DE2E-C84E-B230-FCF7EF48EBD7}" type="parTrans" cxnId="{FC985FE3-3EF5-8343-A89E-EC619AA13845}">
      <dgm:prSet/>
      <dgm:spPr/>
      <dgm:t>
        <a:bodyPr/>
        <a:lstStyle/>
        <a:p>
          <a:endParaRPr lang="en-GB"/>
        </a:p>
      </dgm:t>
    </dgm:pt>
    <dgm:pt modelId="{84C8F0F8-D933-4C4C-A7AB-70861C61FFF0}" type="sibTrans" cxnId="{FC985FE3-3EF5-8343-A89E-EC619AA13845}">
      <dgm:prSet/>
      <dgm:spPr/>
      <dgm:t>
        <a:bodyPr/>
        <a:lstStyle/>
        <a:p>
          <a:endParaRPr lang="en-GB"/>
        </a:p>
      </dgm:t>
    </dgm:pt>
    <dgm:pt modelId="{6F8A20B1-D94A-CD4C-89DF-53C47FD31960}">
      <dgm:prSet phldrT="[Text]"/>
      <dgm:spPr/>
      <dgm:t>
        <a:bodyPr/>
        <a:lstStyle/>
        <a:p>
          <a:r>
            <a:rPr lang="en-GB" dirty="0"/>
            <a:t>Lack of free speech</a:t>
          </a:r>
        </a:p>
      </dgm:t>
    </dgm:pt>
    <dgm:pt modelId="{C51CBD31-4FC7-3F4A-AB9A-3C787E983E39}" type="parTrans" cxnId="{0A0745A8-5496-AF43-8E0E-DDF370A4B287}">
      <dgm:prSet/>
      <dgm:spPr/>
      <dgm:t>
        <a:bodyPr/>
        <a:lstStyle/>
        <a:p>
          <a:endParaRPr lang="en-GB"/>
        </a:p>
      </dgm:t>
    </dgm:pt>
    <dgm:pt modelId="{D28021D9-F2EB-384E-8272-02F2FD4284E5}" type="sibTrans" cxnId="{0A0745A8-5496-AF43-8E0E-DDF370A4B287}">
      <dgm:prSet/>
      <dgm:spPr/>
      <dgm:t>
        <a:bodyPr/>
        <a:lstStyle/>
        <a:p>
          <a:endParaRPr lang="en-GB"/>
        </a:p>
      </dgm:t>
    </dgm:pt>
    <dgm:pt modelId="{A756DEE2-ACC8-D640-BC51-8A2305F90BEE}" type="pres">
      <dgm:prSet presAssocID="{DD24825E-CB93-054D-AC60-0C888F44ADB4}" presName="cycle" presStyleCnt="0">
        <dgm:presLayoutVars>
          <dgm:dir/>
          <dgm:resizeHandles val="exact"/>
        </dgm:presLayoutVars>
      </dgm:prSet>
      <dgm:spPr/>
    </dgm:pt>
    <dgm:pt modelId="{CA4A7F73-C8D5-8F40-AA09-90FBEEE7BD0F}" type="pres">
      <dgm:prSet presAssocID="{E9769C8A-9E15-E943-A439-DCAD36A3DF5C}" presName="node" presStyleLbl="node1" presStyleIdx="0" presStyleCnt="4">
        <dgm:presLayoutVars>
          <dgm:bulletEnabled val="1"/>
        </dgm:presLayoutVars>
      </dgm:prSet>
      <dgm:spPr/>
    </dgm:pt>
    <dgm:pt modelId="{1097D50F-6639-DA43-AB2E-2909AEC217BA}" type="pres">
      <dgm:prSet presAssocID="{927B4A11-74DC-0643-A3D5-84AA44641390}" presName="sibTrans" presStyleLbl="sibTrans2D1" presStyleIdx="0" presStyleCnt="4"/>
      <dgm:spPr/>
    </dgm:pt>
    <dgm:pt modelId="{1660DCA9-43A9-7B44-996E-9C3A624D3ECC}" type="pres">
      <dgm:prSet presAssocID="{927B4A11-74DC-0643-A3D5-84AA44641390}" presName="connectorText" presStyleLbl="sibTrans2D1" presStyleIdx="0" presStyleCnt="4"/>
      <dgm:spPr/>
    </dgm:pt>
    <dgm:pt modelId="{05767CFD-3C4B-C749-9EFF-B71CEF59F8EB}" type="pres">
      <dgm:prSet presAssocID="{B1ED48B0-342D-D44F-AA25-7B5E6D37F15D}" presName="node" presStyleLbl="node1" presStyleIdx="1" presStyleCnt="4">
        <dgm:presLayoutVars>
          <dgm:bulletEnabled val="1"/>
        </dgm:presLayoutVars>
      </dgm:prSet>
      <dgm:spPr/>
    </dgm:pt>
    <dgm:pt modelId="{80558EFB-09FF-2A45-8B57-F2383E147C1F}" type="pres">
      <dgm:prSet presAssocID="{6861B56C-1F4A-5C40-9C6A-F4631F93AB75}" presName="sibTrans" presStyleLbl="sibTrans2D1" presStyleIdx="1" presStyleCnt="4"/>
      <dgm:spPr/>
    </dgm:pt>
    <dgm:pt modelId="{1F8F9E02-1D18-7049-9E98-C96B8372EBED}" type="pres">
      <dgm:prSet presAssocID="{6861B56C-1F4A-5C40-9C6A-F4631F93AB75}" presName="connectorText" presStyleLbl="sibTrans2D1" presStyleIdx="1" presStyleCnt="4"/>
      <dgm:spPr/>
    </dgm:pt>
    <dgm:pt modelId="{32B27EC5-0450-8242-B961-61252AE163A8}" type="pres">
      <dgm:prSet presAssocID="{8B56DBFD-9909-C14A-8511-F4FF81390747}" presName="node" presStyleLbl="node1" presStyleIdx="2" presStyleCnt="4">
        <dgm:presLayoutVars>
          <dgm:bulletEnabled val="1"/>
        </dgm:presLayoutVars>
      </dgm:prSet>
      <dgm:spPr/>
    </dgm:pt>
    <dgm:pt modelId="{9D988686-780C-8646-AEF0-32C785D27EF9}" type="pres">
      <dgm:prSet presAssocID="{84C8F0F8-D933-4C4C-A7AB-70861C61FFF0}" presName="sibTrans" presStyleLbl="sibTrans2D1" presStyleIdx="2" presStyleCnt="4"/>
      <dgm:spPr/>
    </dgm:pt>
    <dgm:pt modelId="{4C2250D5-50DA-2140-88BB-AA4E31DFADED}" type="pres">
      <dgm:prSet presAssocID="{84C8F0F8-D933-4C4C-A7AB-70861C61FFF0}" presName="connectorText" presStyleLbl="sibTrans2D1" presStyleIdx="2" presStyleCnt="4"/>
      <dgm:spPr/>
    </dgm:pt>
    <dgm:pt modelId="{2F0A0AD4-1DF9-734E-9354-9A62F605F93F}" type="pres">
      <dgm:prSet presAssocID="{6F8A20B1-D94A-CD4C-89DF-53C47FD31960}" presName="node" presStyleLbl="node1" presStyleIdx="3" presStyleCnt="4">
        <dgm:presLayoutVars>
          <dgm:bulletEnabled val="1"/>
        </dgm:presLayoutVars>
      </dgm:prSet>
      <dgm:spPr/>
    </dgm:pt>
    <dgm:pt modelId="{101395DE-BA74-BA41-8D89-5DA620192794}" type="pres">
      <dgm:prSet presAssocID="{D28021D9-F2EB-384E-8272-02F2FD4284E5}" presName="sibTrans" presStyleLbl="sibTrans2D1" presStyleIdx="3" presStyleCnt="4"/>
      <dgm:spPr/>
    </dgm:pt>
    <dgm:pt modelId="{C2470AEE-D1FE-3B43-A773-FFBB6DE5D207}" type="pres">
      <dgm:prSet presAssocID="{D28021D9-F2EB-384E-8272-02F2FD4284E5}" presName="connectorText" presStyleLbl="sibTrans2D1" presStyleIdx="3" presStyleCnt="4"/>
      <dgm:spPr/>
    </dgm:pt>
  </dgm:ptLst>
  <dgm:cxnLst>
    <dgm:cxn modelId="{16F5B514-5F49-624C-AF23-3BF8F9452D7B}" srcId="{DD24825E-CB93-054D-AC60-0C888F44ADB4}" destId="{B1ED48B0-342D-D44F-AA25-7B5E6D37F15D}" srcOrd="1" destOrd="0" parTransId="{E3CD977F-DBB0-F14B-9A3E-D70C63659213}" sibTransId="{6861B56C-1F4A-5C40-9C6A-F4631F93AB75}"/>
    <dgm:cxn modelId="{80F27C1E-63FB-234B-9924-8F9DC7156CB3}" type="presOf" srcId="{E9769C8A-9E15-E943-A439-DCAD36A3DF5C}" destId="{CA4A7F73-C8D5-8F40-AA09-90FBEEE7BD0F}" srcOrd="0" destOrd="0" presId="urn:microsoft.com/office/officeart/2005/8/layout/cycle2"/>
    <dgm:cxn modelId="{0698F439-23B0-724A-8935-F2DDE0875BEA}" type="presOf" srcId="{6F8A20B1-D94A-CD4C-89DF-53C47FD31960}" destId="{2F0A0AD4-1DF9-734E-9354-9A62F605F93F}" srcOrd="0" destOrd="0" presId="urn:microsoft.com/office/officeart/2005/8/layout/cycle2"/>
    <dgm:cxn modelId="{18671147-46DD-9342-AF0C-FDBCA46EAFAB}" type="presOf" srcId="{DD24825E-CB93-054D-AC60-0C888F44ADB4}" destId="{A756DEE2-ACC8-D640-BC51-8A2305F90BEE}" srcOrd="0" destOrd="0" presId="urn:microsoft.com/office/officeart/2005/8/layout/cycle2"/>
    <dgm:cxn modelId="{3266FE68-B910-4343-A2CB-E3870030883A}" srcId="{DD24825E-CB93-054D-AC60-0C888F44ADB4}" destId="{E9769C8A-9E15-E943-A439-DCAD36A3DF5C}" srcOrd="0" destOrd="0" parTransId="{03BCF975-4D7D-2F48-9105-4A0B984CDB2B}" sibTransId="{927B4A11-74DC-0643-A3D5-84AA44641390}"/>
    <dgm:cxn modelId="{4EB5606B-7971-0047-BEF5-72350374E262}" type="presOf" srcId="{8B56DBFD-9909-C14A-8511-F4FF81390747}" destId="{32B27EC5-0450-8242-B961-61252AE163A8}" srcOrd="0" destOrd="0" presId="urn:microsoft.com/office/officeart/2005/8/layout/cycle2"/>
    <dgm:cxn modelId="{AE9BE071-F48B-4E42-85EC-36081761BB5B}" type="presOf" srcId="{D28021D9-F2EB-384E-8272-02F2FD4284E5}" destId="{101395DE-BA74-BA41-8D89-5DA620192794}" srcOrd="0" destOrd="0" presId="urn:microsoft.com/office/officeart/2005/8/layout/cycle2"/>
    <dgm:cxn modelId="{697EA18A-1E51-554A-AC4F-FF9EC0B90C9A}" type="presOf" srcId="{6861B56C-1F4A-5C40-9C6A-F4631F93AB75}" destId="{1F8F9E02-1D18-7049-9E98-C96B8372EBED}" srcOrd="1" destOrd="0" presId="urn:microsoft.com/office/officeart/2005/8/layout/cycle2"/>
    <dgm:cxn modelId="{38B54D96-982D-2648-ACE4-95E9C11E10BD}" type="presOf" srcId="{927B4A11-74DC-0643-A3D5-84AA44641390}" destId="{1097D50F-6639-DA43-AB2E-2909AEC217BA}" srcOrd="0" destOrd="0" presId="urn:microsoft.com/office/officeart/2005/8/layout/cycle2"/>
    <dgm:cxn modelId="{8959CEA0-E2A5-5446-B40A-B9C65861A542}" type="presOf" srcId="{B1ED48B0-342D-D44F-AA25-7B5E6D37F15D}" destId="{05767CFD-3C4B-C749-9EFF-B71CEF59F8EB}" srcOrd="0" destOrd="0" presId="urn:microsoft.com/office/officeart/2005/8/layout/cycle2"/>
    <dgm:cxn modelId="{0A0745A8-5496-AF43-8E0E-DDF370A4B287}" srcId="{DD24825E-CB93-054D-AC60-0C888F44ADB4}" destId="{6F8A20B1-D94A-CD4C-89DF-53C47FD31960}" srcOrd="3" destOrd="0" parTransId="{C51CBD31-4FC7-3F4A-AB9A-3C787E983E39}" sibTransId="{D28021D9-F2EB-384E-8272-02F2FD4284E5}"/>
    <dgm:cxn modelId="{50A95BAB-D827-F247-96A0-50D632D271B4}" type="presOf" srcId="{84C8F0F8-D933-4C4C-A7AB-70861C61FFF0}" destId="{9D988686-780C-8646-AEF0-32C785D27EF9}" srcOrd="0" destOrd="0" presId="urn:microsoft.com/office/officeart/2005/8/layout/cycle2"/>
    <dgm:cxn modelId="{C6AD3DB0-260A-D040-B218-ACB6B421A85F}" type="presOf" srcId="{6861B56C-1F4A-5C40-9C6A-F4631F93AB75}" destId="{80558EFB-09FF-2A45-8B57-F2383E147C1F}" srcOrd="0" destOrd="0" presId="urn:microsoft.com/office/officeart/2005/8/layout/cycle2"/>
    <dgm:cxn modelId="{47366DBC-3965-6143-B99D-02B59035C668}" type="presOf" srcId="{84C8F0F8-D933-4C4C-A7AB-70861C61FFF0}" destId="{4C2250D5-50DA-2140-88BB-AA4E31DFADED}" srcOrd="1" destOrd="0" presId="urn:microsoft.com/office/officeart/2005/8/layout/cycle2"/>
    <dgm:cxn modelId="{9E112CD2-5C9F-8842-9A3B-801C18F88413}" type="presOf" srcId="{927B4A11-74DC-0643-A3D5-84AA44641390}" destId="{1660DCA9-43A9-7B44-996E-9C3A624D3ECC}" srcOrd="1" destOrd="0" presId="urn:microsoft.com/office/officeart/2005/8/layout/cycle2"/>
    <dgm:cxn modelId="{25F700DA-8CB6-FB4C-8A4A-CB7E36F527CD}" type="presOf" srcId="{D28021D9-F2EB-384E-8272-02F2FD4284E5}" destId="{C2470AEE-D1FE-3B43-A773-FFBB6DE5D207}" srcOrd="1" destOrd="0" presId="urn:microsoft.com/office/officeart/2005/8/layout/cycle2"/>
    <dgm:cxn modelId="{FC985FE3-3EF5-8343-A89E-EC619AA13845}" srcId="{DD24825E-CB93-054D-AC60-0C888F44ADB4}" destId="{8B56DBFD-9909-C14A-8511-F4FF81390747}" srcOrd="2" destOrd="0" parTransId="{26E13842-DE2E-C84E-B230-FCF7EF48EBD7}" sibTransId="{84C8F0F8-D933-4C4C-A7AB-70861C61FFF0}"/>
    <dgm:cxn modelId="{1CF28BDB-A672-384C-B864-7CC9C4AD64DC}" type="presParOf" srcId="{A756DEE2-ACC8-D640-BC51-8A2305F90BEE}" destId="{CA4A7F73-C8D5-8F40-AA09-90FBEEE7BD0F}" srcOrd="0" destOrd="0" presId="urn:microsoft.com/office/officeart/2005/8/layout/cycle2"/>
    <dgm:cxn modelId="{9DF21EB8-8F3F-8D4B-978F-00FB01C0D51F}" type="presParOf" srcId="{A756DEE2-ACC8-D640-BC51-8A2305F90BEE}" destId="{1097D50F-6639-DA43-AB2E-2909AEC217BA}" srcOrd="1" destOrd="0" presId="urn:microsoft.com/office/officeart/2005/8/layout/cycle2"/>
    <dgm:cxn modelId="{EAC73A11-0B34-1446-9E9E-4655E79EE24F}" type="presParOf" srcId="{1097D50F-6639-DA43-AB2E-2909AEC217BA}" destId="{1660DCA9-43A9-7B44-996E-9C3A624D3ECC}" srcOrd="0" destOrd="0" presId="urn:microsoft.com/office/officeart/2005/8/layout/cycle2"/>
    <dgm:cxn modelId="{E859A9E1-F274-3140-8658-40216D552559}" type="presParOf" srcId="{A756DEE2-ACC8-D640-BC51-8A2305F90BEE}" destId="{05767CFD-3C4B-C749-9EFF-B71CEF59F8EB}" srcOrd="2" destOrd="0" presId="urn:microsoft.com/office/officeart/2005/8/layout/cycle2"/>
    <dgm:cxn modelId="{24ECCC01-DC3E-ED49-8BCF-6EF13293034B}" type="presParOf" srcId="{A756DEE2-ACC8-D640-BC51-8A2305F90BEE}" destId="{80558EFB-09FF-2A45-8B57-F2383E147C1F}" srcOrd="3" destOrd="0" presId="urn:microsoft.com/office/officeart/2005/8/layout/cycle2"/>
    <dgm:cxn modelId="{1BC60A8F-C818-2B4C-8D33-238370A80B22}" type="presParOf" srcId="{80558EFB-09FF-2A45-8B57-F2383E147C1F}" destId="{1F8F9E02-1D18-7049-9E98-C96B8372EBED}" srcOrd="0" destOrd="0" presId="urn:microsoft.com/office/officeart/2005/8/layout/cycle2"/>
    <dgm:cxn modelId="{8B69306E-2857-BD4A-A409-F09E7ECD6526}" type="presParOf" srcId="{A756DEE2-ACC8-D640-BC51-8A2305F90BEE}" destId="{32B27EC5-0450-8242-B961-61252AE163A8}" srcOrd="4" destOrd="0" presId="urn:microsoft.com/office/officeart/2005/8/layout/cycle2"/>
    <dgm:cxn modelId="{395F6C22-421C-164A-8A90-742A19F15A65}" type="presParOf" srcId="{A756DEE2-ACC8-D640-BC51-8A2305F90BEE}" destId="{9D988686-780C-8646-AEF0-32C785D27EF9}" srcOrd="5" destOrd="0" presId="urn:microsoft.com/office/officeart/2005/8/layout/cycle2"/>
    <dgm:cxn modelId="{BFC9E461-B5EE-7C41-A4C2-457E2DEF9330}" type="presParOf" srcId="{9D988686-780C-8646-AEF0-32C785D27EF9}" destId="{4C2250D5-50DA-2140-88BB-AA4E31DFADED}" srcOrd="0" destOrd="0" presId="urn:microsoft.com/office/officeart/2005/8/layout/cycle2"/>
    <dgm:cxn modelId="{BC59CCCF-9B98-3045-A6BD-4A9C2354DAB5}" type="presParOf" srcId="{A756DEE2-ACC8-D640-BC51-8A2305F90BEE}" destId="{2F0A0AD4-1DF9-734E-9354-9A62F605F93F}" srcOrd="6" destOrd="0" presId="urn:microsoft.com/office/officeart/2005/8/layout/cycle2"/>
    <dgm:cxn modelId="{9AA91E1A-D863-494C-B4FF-51C794EEA7FE}" type="presParOf" srcId="{A756DEE2-ACC8-D640-BC51-8A2305F90BEE}" destId="{101395DE-BA74-BA41-8D89-5DA620192794}" srcOrd="7" destOrd="0" presId="urn:microsoft.com/office/officeart/2005/8/layout/cycle2"/>
    <dgm:cxn modelId="{3096E532-2740-484A-88D1-3DD5C18F2C54}" type="presParOf" srcId="{101395DE-BA74-BA41-8D89-5DA620192794}" destId="{C2470AEE-D1FE-3B43-A773-FFBB6DE5D207}" srcOrd="0" destOrd="0" presId="urn:microsoft.com/office/officeart/2005/8/layout/cycle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1E607648-8B9D-8E4B-B22E-2BCA818020DD}" type="doc">
      <dgm:prSet loTypeId="urn:microsoft.com/office/officeart/2005/8/layout/arrow5" loCatId="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D651DA44-523B-1F47-B66C-52DF31A6BC00}">
      <dgm:prSet phldrT="[Text]"/>
      <dgm:spPr/>
      <dgm:t>
        <a:bodyPr/>
        <a:lstStyle/>
        <a:p>
          <a:r>
            <a:rPr lang="en-GB" dirty="0"/>
            <a:t>Tech companies in the economic realm</a:t>
          </a:r>
        </a:p>
      </dgm:t>
    </dgm:pt>
    <dgm:pt modelId="{4E3F23B9-45A8-3D40-B01E-37A9CFF2D84B}" type="parTrans" cxnId="{35AA1313-949D-8040-9E0D-030504BF8584}">
      <dgm:prSet/>
      <dgm:spPr/>
      <dgm:t>
        <a:bodyPr/>
        <a:lstStyle/>
        <a:p>
          <a:endParaRPr lang="en-GB"/>
        </a:p>
      </dgm:t>
    </dgm:pt>
    <dgm:pt modelId="{072EC1C3-E421-2E4A-B970-9E8524150878}" type="sibTrans" cxnId="{35AA1313-949D-8040-9E0D-030504BF8584}">
      <dgm:prSet/>
      <dgm:spPr/>
      <dgm:t>
        <a:bodyPr/>
        <a:lstStyle/>
        <a:p>
          <a:endParaRPr lang="en-GB"/>
        </a:p>
      </dgm:t>
    </dgm:pt>
    <dgm:pt modelId="{A738F167-DA8F-A846-A4D3-B541894E6176}">
      <dgm:prSet phldrT="[Text]"/>
      <dgm:spPr/>
      <dgm:t>
        <a:bodyPr/>
        <a:lstStyle/>
        <a:p>
          <a:r>
            <a:rPr lang="en-GB" dirty="0"/>
            <a:t>The public sphere, democracy. Values of openness and transparency</a:t>
          </a:r>
        </a:p>
      </dgm:t>
    </dgm:pt>
    <dgm:pt modelId="{A8B7DC80-FF2F-FA4A-9E0E-BAB7A0B4D356}" type="parTrans" cxnId="{50804E0C-99EB-514B-A4DC-6698C37B3211}">
      <dgm:prSet/>
      <dgm:spPr/>
      <dgm:t>
        <a:bodyPr/>
        <a:lstStyle/>
        <a:p>
          <a:endParaRPr lang="en-GB"/>
        </a:p>
      </dgm:t>
    </dgm:pt>
    <dgm:pt modelId="{C237C848-8EC1-4142-A75E-2946B43138C2}" type="sibTrans" cxnId="{50804E0C-99EB-514B-A4DC-6698C37B3211}">
      <dgm:prSet/>
      <dgm:spPr/>
      <dgm:t>
        <a:bodyPr/>
        <a:lstStyle/>
        <a:p>
          <a:endParaRPr lang="en-GB"/>
        </a:p>
      </dgm:t>
    </dgm:pt>
    <dgm:pt modelId="{FA49C3BE-A9EC-454A-B81F-FAAA76958771}" type="pres">
      <dgm:prSet presAssocID="{1E607648-8B9D-8E4B-B22E-2BCA818020DD}" presName="diagram" presStyleCnt="0">
        <dgm:presLayoutVars>
          <dgm:dir/>
          <dgm:resizeHandles val="exact"/>
        </dgm:presLayoutVars>
      </dgm:prSet>
      <dgm:spPr/>
    </dgm:pt>
    <dgm:pt modelId="{A54AC43E-C6B6-C145-89EA-02334DB830A5}" type="pres">
      <dgm:prSet presAssocID="{D651DA44-523B-1F47-B66C-52DF31A6BC00}" presName="arrow" presStyleLbl="node1" presStyleIdx="0" presStyleCnt="2">
        <dgm:presLayoutVars>
          <dgm:bulletEnabled val="1"/>
        </dgm:presLayoutVars>
      </dgm:prSet>
      <dgm:spPr/>
    </dgm:pt>
    <dgm:pt modelId="{7816E47E-E679-2D45-82C8-E4DF346E35A0}" type="pres">
      <dgm:prSet presAssocID="{A738F167-DA8F-A846-A4D3-B541894E6176}" presName="arrow" presStyleLbl="node1" presStyleIdx="1" presStyleCnt="2">
        <dgm:presLayoutVars>
          <dgm:bulletEnabled val="1"/>
        </dgm:presLayoutVars>
      </dgm:prSet>
      <dgm:spPr/>
    </dgm:pt>
  </dgm:ptLst>
  <dgm:cxnLst>
    <dgm:cxn modelId="{50804E0C-99EB-514B-A4DC-6698C37B3211}" srcId="{1E607648-8B9D-8E4B-B22E-2BCA818020DD}" destId="{A738F167-DA8F-A846-A4D3-B541894E6176}" srcOrd="1" destOrd="0" parTransId="{A8B7DC80-FF2F-FA4A-9E0E-BAB7A0B4D356}" sibTransId="{C237C848-8EC1-4142-A75E-2946B43138C2}"/>
    <dgm:cxn modelId="{35AA1313-949D-8040-9E0D-030504BF8584}" srcId="{1E607648-8B9D-8E4B-B22E-2BCA818020DD}" destId="{D651DA44-523B-1F47-B66C-52DF31A6BC00}" srcOrd="0" destOrd="0" parTransId="{4E3F23B9-45A8-3D40-B01E-37A9CFF2D84B}" sibTransId="{072EC1C3-E421-2E4A-B970-9E8524150878}"/>
    <dgm:cxn modelId="{B0A03B5A-9618-374B-9D3B-DE7741D9C77B}" type="presOf" srcId="{A738F167-DA8F-A846-A4D3-B541894E6176}" destId="{7816E47E-E679-2D45-82C8-E4DF346E35A0}" srcOrd="0" destOrd="0" presId="urn:microsoft.com/office/officeart/2005/8/layout/arrow5"/>
    <dgm:cxn modelId="{75F00977-24BB-5B4A-AF7E-12CBF8CC8D0D}" type="presOf" srcId="{D651DA44-523B-1F47-B66C-52DF31A6BC00}" destId="{A54AC43E-C6B6-C145-89EA-02334DB830A5}" srcOrd="0" destOrd="0" presId="urn:microsoft.com/office/officeart/2005/8/layout/arrow5"/>
    <dgm:cxn modelId="{FF5303FC-21EB-DB4B-9453-307F51079D1A}" type="presOf" srcId="{1E607648-8B9D-8E4B-B22E-2BCA818020DD}" destId="{FA49C3BE-A9EC-454A-B81F-FAAA76958771}" srcOrd="0" destOrd="0" presId="urn:microsoft.com/office/officeart/2005/8/layout/arrow5"/>
    <dgm:cxn modelId="{82BE614E-29C0-1147-B136-4A008F325E12}" type="presParOf" srcId="{FA49C3BE-A9EC-454A-B81F-FAAA76958771}" destId="{A54AC43E-C6B6-C145-89EA-02334DB830A5}" srcOrd="0" destOrd="0" presId="urn:microsoft.com/office/officeart/2005/8/layout/arrow5"/>
    <dgm:cxn modelId="{DBE5DFC3-D1E2-1C4E-9F9C-6808149B7F63}" type="presParOf" srcId="{FA49C3BE-A9EC-454A-B81F-FAAA76958771}" destId="{7816E47E-E679-2D45-82C8-E4DF346E35A0}" srcOrd="1" destOrd="0" presId="urn:microsoft.com/office/officeart/2005/8/layout/arrow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9020540-9DA6-074B-9199-B7BF33243838}">
      <dsp:nvSpPr>
        <dsp:cNvPr id="0" name=""/>
        <dsp:cNvSpPr/>
      </dsp:nvSpPr>
      <dsp:spPr>
        <a:xfrm>
          <a:off x="1462831" y="0"/>
          <a:ext cx="1462831" cy="1507066"/>
        </a:xfrm>
        <a:prstGeom prst="trapezoid">
          <a:avLst>
            <a:gd name="adj" fmla="val 5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 dirty="0">
              <a:solidFill>
                <a:srgbClr val="FFFFFF"/>
              </a:solidFill>
            </a:rPr>
            <a:t>public </a:t>
          </a:r>
        </a:p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 dirty="0">
              <a:solidFill>
                <a:srgbClr val="FFFFFF"/>
              </a:solidFill>
            </a:rPr>
            <a:t>discourse</a:t>
          </a:r>
        </a:p>
      </dsp:txBody>
      <dsp:txXfrm>
        <a:off x="1462831" y="0"/>
        <a:ext cx="1462831" cy="1507066"/>
      </dsp:txXfrm>
    </dsp:sp>
    <dsp:sp modelId="{40EF0656-9E55-C246-9E56-F50010AA149F}">
      <dsp:nvSpPr>
        <dsp:cNvPr id="0" name=""/>
        <dsp:cNvSpPr/>
      </dsp:nvSpPr>
      <dsp:spPr>
        <a:xfrm>
          <a:off x="731415" y="1507066"/>
          <a:ext cx="2925662" cy="1507066"/>
        </a:xfrm>
        <a:prstGeom prst="trapezoid">
          <a:avLst>
            <a:gd name="adj" fmla="val 48532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3000" kern="1200" dirty="0">
              <a:solidFill>
                <a:srgbClr val="FFFFFF"/>
              </a:solidFill>
            </a:rPr>
            <a:t>algorithms</a:t>
          </a:r>
        </a:p>
      </dsp:txBody>
      <dsp:txXfrm>
        <a:off x="1243406" y="1507066"/>
        <a:ext cx="1901680" cy="1507066"/>
      </dsp:txXfrm>
    </dsp:sp>
    <dsp:sp modelId="{4C17340A-8D66-1B49-B832-E8B3CA9E4BA4}">
      <dsp:nvSpPr>
        <dsp:cNvPr id="0" name=""/>
        <dsp:cNvSpPr/>
      </dsp:nvSpPr>
      <dsp:spPr>
        <a:xfrm>
          <a:off x="0" y="3014133"/>
          <a:ext cx="4388493" cy="1507066"/>
        </a:xfrm>
        <a:prstGeom prst="trapezoid">
          <a:avLst>
            <a:gd name="adj" fmla="val 48532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8100" tIns="38100" rIns="38100" bIns="3810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3000" kern="1200" dirty="0">
              <a:solidFill>
                <a:srgbClr val="FFFFFF"/>
              </a:solidFill>
            </a:rPr>
            <a:t>content</a:t>
          </a:r>
        </a:p>
      </dsp:txBody>
      <dsp:txXfrm>
        <a:off x="767986" y="3014133"/>
        <a:ext cx="2852521" cy="1507066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BD968D9-C506-B842-907C-22B96D166B8B}">
      <dsp:nvSpPr>
        <dsp:cNvPr id="0" name=""/>
        <dsp:cNvSpPr/>
      </dsp:nvSpPr>
      <dsp:spPr>
        <a:xfrm>
          <a:off x="1862437" y="1037"/>
          <a:ext cx="1274170" cy="1274170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900" kern="1200" dirty="0"/>
            <a:t>content</a:t>
          </a:r>
        </a:p>
      </dsp:txBody>
      <dsp:txXfrm>
        <a:off x="2049035" y="187635"/>
        <a:ext cx="900974" cy="900974"/>
      </dsp:txXfrm>
    </dsp:sp>
    <dsp:sp modelId="{BEF39402-F723-2347-A371-73227F94A863}">
      <dsp:nvSpPr>
        <dsp:cNvPr id="0" name=""/>
        <dsp:cNvSpPr/>
      </dsp:nvSpPr>
      <dsp:spPr>
        <a:xfrm rot="2160000">
          <a:off x="3096366" y="979829"/>
          <a:ext cx="338836" cy="430032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500" kern="1200"/>
        </a:p>
      </dsp:txBody>
      <dsp:txXfrm>
        <a:off x="3106073" y="1035961"/>
        <a:ext cx="237185" cy="258020"/>
      </dsp:txXfrm>
    </dsp:sp>
    <dsp:sp modelId="{F9CC497A-7A5D-5640-B715-51FBA51501BA}">
      <dsp:nvSpPr>
        <dsp:cNvPr id="0" name=""/>
        <dsp:cNvSpPr/>
      </dsp:nvSpPr>
      <dsp:spPr>
        <a:xfrm>
          <a:off x="3410478" y="1125755"/>
          <a:ext cx="1274170" cy="1274170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900" kern="1200" dirty="0"/>
            <a:t>content</a:t>
          </a:r>
        </a:p>
      </dsp:txBody>
      <dsp:txXfrm>
        <a:off x="3597076" y="1312353"/>
        <a:ext cx="900974" cy="900974"/>
      </dsp:txXfrm>
    </dsp:sp>
    <dsp:sp modelId="{D02AE47F-0686-8C4F-96F5-7F7649C57E69}">
      <dsp:nvSpPr>
        <dsp:cNvPr id="0" name=""/>
        <dsp:cNvSpPr/>
      </dsp:nvSpPr>
      <dsp:spPr>
        <a:xfrm rot="6480000">
          <a:off x="3585459" y="2448620"/>
          <a:ext cx="338836" cy="430032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500" kern="1200"/>
        </a:p>
      </dsp:txBody>
      <dsp:txXfrm rot="10800000">
        <a:off x="3651990" y="2486288"/>
        <a:ext cx="237185" cy="258020"/>
      </dsp:txXfrm>
    </dsp:sp>
    <dsp:sp modelId="{F14ACEFE-188D-8442-AF5C-11A02F1E8E69}">
      <dsp:nvSpPr>
        <dsp:cNvPr id="0" name=""/>
        <dsp:cNvSpPr/>
      </dsp:nvSpPr>
      <dsp:spPr>
        <a:xfrm>
          <a:off x="2819179" y="2945587"/>
          <a:ext cx="1274170" cy="1274170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900" kern="1200" dirty="0"/>
            <a:t>content</a:t>
          </a:r>
        </a:p>
      </dsp:txBody>
      <dsp:txXfrm>
        <a:off x="3005777" y="3132185"/>
        <a:ext cx="900974" cy="900974"/>
      </dsp:txXfrm>
    </dsp:sp>
    <dsp:sp modelId="{860C48F2-A56B-964A-AE03-532BD50CAE6D}">
      <dsp:nvSpPr>
        <dsp:cNvPr id="0" name=""/>
        <dsp:cNvSpPr/>
      </dsp:nvSpPr>
      <dsp:spPr>
        <a:xfrm rot="10800000">
          <a:off x="2339694" y="3367656"/>
          <a:ext cx="338836" cy="430032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500" kern="1200"/>
        </a:p>
      </dsp:txBody>
      <dsp:txXfrm rot="10800000">
        <a:off x="2441345" y="3453662"/>
        <a:ext cx="237185" cy="258020"/>
      </dsp:txXfrm>
    </dsp:sp>
    <dsp:sp modelId="{ABB1A932-39FF-494D-ADCD-6A184F16107B}">
      <dsp:nvSpPr>
        <dsp:cNvPr id="0" name=""/>
        <dsp:cNvSpPr/>
      </dsp:nvSpPr>
      <dsp:spPr>
        <a:xfrm>
          <a:off x="905694" y="2945587"/>
          <a:ext cx="1274170" cy="1274170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900" kern="1200" dirty="0"/>
            <a:t>content</a:t>
          </a:r>
        </a:p>
      </dsp:txBody>
      <dsp:txXfrm>
        <a:off x="1092292" y="3132185"/>
        <a:ext cx="900974" cy="900974"/>
      </dsp:txXfrm>
    </dsp:sp>
    <dsp:sp modelId="{23577280-18E3-6541-9DF4-9495C912DB1D}">
      <dsp:nvSpPr>
        <dsp:cNvPr id="0" name=""/>
        <dsp:cNvSpPr/>
      </dsp:nvSpPr>
      <dsp:spPr>
        <a:xfrm rot="15120000">
          <a:off x="1080675" y="2466861"/>
          <a:ext cx="338836" cy="430032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500" kern="1200"/>
        </a:p>
      </dsp:txBody>
      <dsp:txXfrm rot="10800000">
        <a:off x="1147206" y="2601205"/>
        <a:ext cx="237185" cy="258020"/>
      </dsp:txXfrm>
    </dsp:sp>
    <dsp:sp modelId="{7F7E1AA9-0D72-1848-BD68-B77CD27BEA2E}">
      <dsp:nvSpPr>
        <dsp:cNvPr id="0" name=""/>
        <dsp:cNvSpPr/>
      </dsp:nvSpPr>
      <dsp:spPr>
        <a:xfrm>
          <a:off x="314395" y="1125755"/>
          <a:ext cx="1274170" cy="1274170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900" kern="1200" dirty="0"/>
            <a:t>content</a:t>
          </a:r>
        </a:p>
      </dsp:txBody>
      <dsp:txXfrm>
        <a:off x="500993" y="1312353"/>
        <a:ext cx="900974" cy="900974"/>
      </dsp:txXfrm>
    </dsp:sp>
    <dsp:sp modelId="{D6C00EDE-64B5-1F4F-B5E2-CCCFA797D5A5}">
      <dsp:nvSpPr>
        <dsp:cNvPr id="0" name=""/>
        <dsp:cNvSpPr/>
      </dsp:nvSpPr>
      <dsp:spPr>
        <a:xfrm rot="19440000">
          <a:off x="1548325" y="991102"/>
          <a:ext cx="338836" cy="430032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500" kern="1200"/>
        </a:p>
      </dsp:txBody>
      <dsp:txXfrm>
        <a:off x="1558032" y="1106982"/>
        <a:ext cx="237185" cy="258020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4855384-1E45-2B4B-8F3C-C4EE67CAA48A}">
      <dsp:nvSpPr>
        <dsp:cNvPr id="0" name=""/>
        <dsp:cNvSpPr/>
      </dsp:nvSpPr>
      <dsp:spPr>
        <a:xfrm rot="16200000">
          <a:off x="686" y="216051"/>
          <a:ext cx="3910166" cy="3910166"/>
        </a:xfrm>
        <a:prstGeom prst="downArrow">
          <a:avLst>
            <a:gd name="adj1" fmla="val 50000"/>
            <a:gd name="adj2" fmla="val 35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0" tIns="177800" rIns="177800" bIns="17780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 dirty="0"/>
            <a:t>Libertarian ideology</a:t>
          </a:r>
        </a:p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 dirty="0"/>
            <a:t>(J P Barlow, EFF, hacker culture, </a:t>
          </a:r>
          <a:r>
            <a:rPr lang="en-US" sz="2500" kern="1200" dirty="0" err="1"/>
            <a:t>Wikileaks</a:t>
          </a:r>
          <a:r>
            <a:rPr lang="en-US" sz="2500" kern="1200" dirty="0"/>
            <a:t>)</a:t>
          </a:r>
        </a:p>
      </dsp:txBody>
      <dsp:txXfrm rot="5400000">
        <a:off x="686" y="1193592"/>
        <a:ext cx="3225887" cy="1955083"/>
      </dsp:txXfrm>
    </dsp:sp>
    <dsp:sp modelId="{4DB71579-8B3C-D84F-9F2B-DE55D9449A4D}">
      <dsp:nvSpPr>
        <dsp:cNvPr id="0" name=""/>
        <dsp:cNvSpPr/>
      </dsp:nvSpPr>
      <dsp:spPr>
        <a:xfrm rot="5400000">
          <a:off x="4129328" y="216051"/>
          <a:ext cx="3910166" cy="3910166"/>
        </a:xfrm>
        <a:prstGeom prst="downArrow">
          <a:avLst>
            <a:gd name="adj1" fmla="val 50000"/>
            <a:gd name="adj2" fmla="val 35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1"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177800" tIns="177800" rIns="177800" bIns="17780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 dirty="0"/>
            <a:t>Proprietary ideology</a:t>
          </a:r>
        </a:p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 dirty="0"/>
            <a:t>(</a:t>
          </a:r>
          <a:r>
            <a:rPr lang="en-US" sz="2500" kern="1200" dirty="0" err="1"/>
            <a:t>eg.</a:t>
          </a:r>
          <a:r>
            <a:rPr lang="en-US" sz="2500" kern="1200" dirty="0"/>
            <a:t> Facebook, Amazon)</a:t>
          </a:r>
        </a:p>
      </dsp:txBody>
      <dsp:txXfrm rot="-5400000">
        <a:off x="4813607" y="1193593"/>
        <a:ext cx="3225887" cy="1955083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A4A7F73-C8D5-8F40-AA09-90FBEEE7BD0F}">
      <dsp:nvSpPr>
        <dsp:cNvPr id="0" name=""/>
        <dsp:cNvSpPr/>
      </dsp:nvSpPr>
      <dsp:spPr>
        <a:xfrm>
          <a:off x="4386555" y="238"/>
          <a:ext cx="1447213" cy="1447213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 dirty="0"/>
            <a:t>Algorithmic moderation</a:t>
          </a:r>
        </a:p>
      </dsp:txBody>
      <dsp:txXfrm>
        <a:off x="4598494" y="212177"/>
        <a:ext cx="1023335" cy="1023335"/>
      </dsp:txXfrm>
    </dsp:sp>
    <dsp:sp modelId="{1097D50F-6639-DA43-AB2E-2909AEC217BA}">
      <dsp:nvSpPr>
        <dsp:cNvPr id="0" name=""/>
        <dsp:cNvSpPr/>
      </dsp:nvSpPr>
      <dsp:spPr>
        <a:xfrm rot="2700000">
          <a:off x="5678425" y="1240303"/>
          <a:ext cx="384825" cy="48843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100" kern="1200"/>
        </a:p>
      </dsp:txBody>
      <dsp:txXfrm>
        <a:off x="5695332" y="1297173"/>
        <a:ext cx="269378" cy="293060"/>
      </dsp:txXfrm>
    </dsp:sp>
    <dsp:sp modelId="{05767CFD-3C4B-C749-9EFF-B71CEF59F8EB}">
      <dsp:nvSpPr>
        <dsp:cNvPr id="0" name=""/>
        <dsp:cNvSpPr/>
      </dsp:nvSpPr>
      <dsp:spPr>
        <a:xfrm>
          <a:off x="5923310" y="1536993"/>
          <a:ext cx="1447213" cy="1447213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 dirty="0"/>
            <a:t>legislation</a:t>
          </a:r>
        </a:p>
      </dsp:txBody>
      <dsp:txXfrm>
        <a:off x="6135249" y="1748932"/>
        <a:ext cx="1023335" cy="1023335"/>
      </dsp:txXfrm>
    </dsp:sp>
    <dsp:sp modelId="{80558EFB-09FF-2A45-8B57-F2383E147C1F}">
      <dsp:nvSpPr>
        <dsp:cNvPr id="0" name=""/>
        <dsp:cNvSpPr/>
      </dsp:nvSpPr>
      <dsp:spPr>
        <a:xfrm rot="8100000">
          <a:off x="5693828" y="2777058"/>
          <a:ext cx="384825" cy="48843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100" kern="1200"/>
        </a:p>
      </dsp:txBody>
      <dsp:txXfrm rot="10800000">
        <a:off x="5792368" y="2833928"/>
        <a:ext cx="269378" cy="293060"/>
      </dsp:txXfrm>
    </dsp:sp>
    <dsp:sp modelId="{32B27EC5-0450-8242-B961-61252AE163A8}">
      <dsp:nvSpPr>
        <dsp:cNvPr id="0" name=""/>
        <dsp:cNvSpPr/>
      </dsp:nvSpPr>
      <dsp:spPr>
        <a:xfrm>
          <a:off x="4386555" y="3073747"/>
          <a:ext cx="1447213" cy="1447213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 dirty="0"/>
            <a:t>More algorithmic moderation, censorship</a:t>
          </a:r>
        </a:p>
      </dsp:txBody>
      <dsp:txXfrm>
        <a:off x="4598494" y="3285686"/>
        <a:ext cx="1023335" cy="1023335"/>
      </dsp:txXfrm>
    </dsp:sp>
    <dsp:sp modelId="{9D988686-780C-8646-AEF0-32C785D27EF9}">
      <dsp:nvSpPr>
        <dsp:cNvPr id="0" name=""/>
        <dsp:cNvSpPr/>
      </dsp:nvSpPr>
      <dsp:spPr>
        <a:xfrm rot="13500000">
          <a:off x="4157073" y="2792461"/>
          <a:ext cx="384825" cy="48843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100" kern="1200"/>
        </a:p>
      </dsp:txBody>
      <dsp:txXfrm rot="10800000">
        <a:off x="4255613" y="2930965"/>
        <a:ext cx="269378" cy="293060"/>
      </dsp:txXfrm>
    </dsp:sp>
    <dsp:sp modelId="{2F0A0AD4-1DF9-734E-9354-9A62F605F93F}">
      <dsp:nvSpPr>
        <dsp:cNvPr id="0" name=""/>
        <dsp:cNvSpPr/>
      </dsp:nvSpPr>
      <dsp:spPr>
        <a:xfrm>
          <a:off x="2849800" y="1536993"/>
          <a:ext cx="1447213" cy="1447213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780" tIns="17780" rIns="1778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400" kern="1200" dirty="0"/>
            <a:t>Lack of free speech</a:t>
          </a:r>
        </a:p>
      </dsp:txBody>
      <dsp:txXfrm>
        <a:off x="3061739" y="1748932"/>
        <a:ext cx="1023335" cy="1023335"/>
      </dsp:txXfrm>
    </dsp:sp>
    <dsp:sp modelId="{101395DE-BA74-BA41-8D89-5DA620192794}">
      <dsp:nvSpPr>
        <dsp:cNvPr id="0" name=""/>
        <dsp:cNvSpPr/>
      </dsp:nvSpPr>
      <dsp:spPr>
        <a:xfrm rot="18900000">
          <a:off x="4141671" y="1255706"/>
          <a:ext cx="384825" cy="48843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GB" sz="1100" kern="1200"/>
        </a:p>
      </dsp:txBody>
      <dsp:txXfrm>
        <a:off x="4158578" y="1394210"/>
        <a:ext cx="269378" cy="293060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54AC43E-C6B6-C145-89EA-02334DB830A5}">
      <dsp:nvSpPr>
        <dsp:cNvPr id="0" name=""/>
        <dsp:cNvSpPr/>
      </dsp:nvSpPr>
      <dsp:spPr>
        <a:xfrm rot="16200000">
          <a:off x="600" y="2447"/>
          <a:ext cx="4516305" cy="4516305"/>
        </a:xfrm>
        <a:prstGeom prst="downArrow">
          <a:avLst>
            <a:gd name="adj1" fmla="val 50000"/>
            <a:gd name="adj2" fmla="val 35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3360" tIns="213360" rIns="213360" bIns="21336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3000" kern="1200" dirty="0"/>
            <a:t>Tech companies in the economic realm</a:t>
          </a:r>
        </a:p>
      </dsp:txBody>
      <dsp:txXfrm rot="5400000">
        <a:off x="601" y="1131522"/>
        <a:ext cx="3725952" cy="2258153"/>
      </dsp:txXfrm>
    </dsp:sp>
    <dsp:sp modelId="{7816E47E-E679-2D45-82C8-E4DF346E35A0}">
      <dsp:nvSpPr>
        <dsp:cNvPr id="0" name=""/>
        <dsp:cNvSpPr/>
      </dsp:nvSpPr>
      <dsp:spPr>
        <a:xfrm rot="5400000">
          <a:off x="5703419" y="2447"/>
          <a:ext cx="4516305" cy="4516305"/>
        </a:xfrm>
        <a:prstGeom prst="downArrow">
          <a:avLst>
            <a:gd name="adj1" fmla="val 50000"/>
            <a:gd name="adj2" fmla="val 35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3360" tIns="213360" rIns="213360" bIns="21336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3000" kern="1200" dirty="0"/>
            <a:t>The public sphere, democracy. Values of openness and transparency</a:t>
          </a:r>
        </a:p>
      </dsp:txBody>
      <dsp:txXfrm rot="-5400000">
        <a:off x="6493773" y="1131523"/>
        <a:ext cx="3725952" cy="225815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yramid1">
  <dgm:title val=""/>
  <dgm:desc val=""/>
  <dgm:catLst>
    <dgm:cat type="pyramid" pri="1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pyra">
          <dgm:param type="linDir" val="fromB"/>
          <dgm:param type="txDir" val="fromT"/>
          <dgm:param type="pyraAcctPos" val="aft"/>
          <dgm:param type="pyraAcctTxMar" val="step"/>
          <dgm:param type="pyraAcctBkgdNode" val="acctBkgd"/>
          <dgm:param type="pyraAcctTxNode" val="acctTx"/>
          <dgm:param type="pyraLvlNode" val="level"/>
        </dgm:alg>
      </dgm:if>
      <dgm:else name="Name3">
        <dgm:alg type="pyra">
          <dgm:param type="linDir" val="fromB"/>
          <dgm:param type="txDir" val="fromT"/>
          <dgm:param type="pyraAcctPos" val="bef"/>
          <dgm:param type="pyraAcctTxMar" val="step"/>
          <dgm:param type="pyraAcctBkgdNode" val="acctBkgd"/>
          <dgm:param type="pyraAcctTxNode" val="acctTx"/>
          <dgm:param type="pyraLvlNode" val="level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root des" ptType="all node" func="maxDepth" op="gte" val="2">
        <dgm:constrLst>
          <dgm:constr type="primFontSz" for="des" forName="levelTx" op="equ"/>
          <dgm:constr type="secFontSz" for="des" forName="acctTx" op="equ"/>
          <dgm:constr type="pyraAcctRatio" val="0.32"/>
        </dgm:constrLst>
      </dgm:if>
      <dgm:else name="Name6">
        <dgm:constrLst>
          <dgm:constr type="primFontSz" for="des" forName="levelTx" op="equ"/>
          <dgm:constr type="secFontSz" for="des" forName="acctTx" op="equ"/>
          <dgm:constr type="pyraAcctRatio"/>
        </dgm:constrLst>
      </dgm:else>
    </dgm:choose>
    <dgm:ruleLst/>
    <dgm:forEach name="Name7" axis="ch" ptType="node">
      <dgm:layoutNode name="Name8">
        <dgm:alg type="composite">
          <dgm:param type="horzAlign" val="none"/>
        </dgm:alg>
        <dgm:shape xmlns:r="http://schemas.openxmlformats.org/officeDocument/2006/relationships" r:blip="">
          <dgm:adjLst/>
        </dgm:shape>
        <dgm:presOf/>
        <dgm:choose name="Name9">
          <dgm:if name="Name10" axis="self" ptType="node" func="pos" op="equ" val="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/>
              <dgm:constr type="h" for="ch" forName="levelTx" refType="h" refFor="ch" refForName="level"/>
            </dgm:constrLst>
          </dgm:if>
          <dgm:else name="Name11">
            <dgm:constrLst>
              <dgm:constr type="ctrX" for="ch" forName="acctBkgd" val="1"/>
              <dgm:constr type="ctrY" for="ch" forName="acctBkgd" val="1"/>
              <dgm:constr type="w" for="ch" forName="acctBkgd" val="1"/>
              <dgm:constr type="h" for="ch" forName="acctBkgd" val="1"/>
              <dgm:constr type="ctrX" for="ch" forName="acctTx" val="1"/>
              <dgm:constr type="ctrY" for="ch" forName="acctTx" val="1"/>
              <dgm:constr type="w" for="ch" forName="acctTx" val="1"/>
              <dgm:constr type="h" for="ch" forName="acctTx" val="1"/>
              <dgm:constr type="ctrX" for="ch" forName="level" val="1"/>
              <dgm:constr type="ctrY" for="ch" forName="level" val="1"/>
              <dgm:constr type="w" for="ch" forName="level" val="1"/>
              <dgm:constr type="h" for="ch" forName="level" val="1"/>
              <dgm:constr type="ctrX" for="ch" forName="levelTx" refType="ctrX" refFor="ch" refForName="level"/>
              <dgm:constr type="ctrY" for="ch" forName="levelTx" refType="ctrY" refFor="ch" refForName="level"/>
              <dgm:constr type="w" for="ch" forName="levelTx" refType="w" refFor="ch" refForName="level" fact="0.65"/>
              <dgm:constr type="h" for="ch" forName="levelTx" refType="h" refFor="ch" refForName="level"/>
            </dgm:constrLst>
          </dgm:else>
        </dgm:choose>
        <dgm:ruleLst/>
        <dgm:choose name="Name12">
          <dgm:if name="Name13" axis="ch" ptType="node" func="cnt" op="gte" val="1">
            <dgm:layoutNode name="acctBkgd" styleLbl="alignAcc1">
              <dgm:alg type="sp"/>
              <dgm:shape xmlns:r="http://schemas.openxmlformats.org/officeDocument/2006/relationships" type="nonIsoscelesTrapezoid" r:blip="">
                <dgm:adjLst/>
              </dgm:shape>
              <dgm:presOf axis="des" ptType="node"/>
              <dgm:constrLst/>
              <dgm:ruleLst/>
            </dgm:layoutNode>
            <dgm:layoutNode name="acctTx" styleLbl="alignAcc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nonIsoscelesTrapezoid" r:blip="" hideGeom="1">
                <dgm:adjLst/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3"/>
                <dgm:constr type="bMarg" refType="secFontSz" fact="0.3"/>
                <dgm:constr type="lMarg" refType="secFontSz" fact="0.3"/>
                <dgm:constr type="rMarg" refType="secFontSz" fact="0.3"/>
              </dgm:constrLst>
              <dgm:ruleLst>
                <dgm:rule type="secFontSz" val="5" fact="NaN" max="NaN"/>
              </dgm:ruleLst>
            </dgm:layoutNode>
          </dgm:if>
          <dgm:else name="Name14"/>
        </dgm:choose>
        <dgm:layoutNode name="level">
          <dgm:varLst>
            <dgm:chMax val="1"/>
            <dgm:bulletEnabled val="1"/>
          </dgm:varLst>
          <dgm:alg type="sp"/>
          <dgm:shape xmlns:r="http://schemas.openxmlformats.org/officeDocument/2006/relationships" type="trapezoid" r:blip="">
            <dgm:adjLst/>
          </dgm:shape>
          <dgm:presOf axis="self"/>
          <dgm:constrLst>
            <dgm:constr type="h" val="500"/>
            <dgm:constr type="w" val="1"/>
          </dgm:constrLst>
          <dgm:ruleLst/>
        </dgm:layoutNode>
        <dgm:layoutNode name="levelTx" styleLbl="revTx">
          <dgm:varLst>
            <dgm:chMax val="1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ycle2">
  <dgm:title val=""/>
  <dgm:desc val=""/>
  <dgm:catLst>
    <dgm:cat type="cycle" pri="1000"/>
    <dgm:cat type="convert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choose name="Name2">
          <dgm:if name="Name3" axis="ch" ptType="node" func="cnt" op="gt" val="2">
            <dgm:alg type="cycle">
              <dgm:param type="stAng" val="0"/>
              <dgm:param type="spanAng" val="360"/>
            </dgm:alg>
          </dgm:if>
          <dgm:else name="Name4">
            <dgm:alg type="cycle">
              <dgm:param type="stAng" val="-90"/>
              <dgm:param type="spanAng" val="360"/>
            </dgm:alg>
          </dgm:else>
        </dgm:choose>
      </dgm:if>
      <dgm:else name="Name5">
        <dgm:choose name="Name6">
          <dgm:if name="Name7" axis="ch" ptType="node" func="cnt" op="gt" val="2">
            <dgm:alg type="cycle">
              <dgm:param type="stAng" val="0"/>
              <dgm:param type="spanAng" val="-360"/>
            </dgm:alg>
          </dgm:if>
          <dgm:else name="Name8">
            <dgm:alg type="cycle">
              <dgm:param type="stAng" val="90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ptType="sibTrans" refType="w" refFor="ch" refPtType="node" op="equ" fact="0.25"/>
      <dgm:constr type="sibSp" refType="w" refFor="ch" refPtType="node" fact="0.5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ellipse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sibTransForEach" axis="followSib" ptType="sibTrans" hideLastTrans="0" cnt="1">
            <dgm:layoutNode name="sibTrans">
              <dgm:choose name="Name11">
                <dgm:if name="Name12" axis="par ch" ptType="doc node" func="cnt" op="lt" val="3">
                  <dgm:alg type="conn">
                    <dgm:param type="begPts" val="radial"/>
                    <dgm:param type="endPts" val="radial"/>
                  </dgm:alg>
                </dgm:if>
                <dgm:else name="Name13">
                  <dgm:alg type="conn">
                    <dgm:param type="begPts" val="auto"/>
                    <dgm:param type="endPts" val="auto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1.35"/>
                <dgm:constr type="connDist"/>
                <dgm:constr type="w" for="ch" refType="connDist" fact="0.45"/>
                <dgm:constr type="h" for="ch" refType="h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14"/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arrow5">
  <dgm:title val=""/>
  <dgm:desc val=""/>
  <dgm:catLst>
    <dgm:cat type="relationship" pri="6000"/>
    <dgm:cat type="process" pri="31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4" srcId="0" destId="1" srcOrd="0" destOrd="0"/>
        <dgm:cxn modelId="5" srcId="0" destId="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ch" ptType="node" func="cnt" op="equ" val="2">
        <dgm:choose name="Name2">
          <dgm:if name="Name3" func="var" arg="dir" op="equ" val="norm">
            <dgm:alg type="cycle">
              <dgm:param type="rotPath" val="alongPath"/>
              <dgm:param type="stAng" val="270"/>
            </dgm:alg>
          </dgm:if>
          <dgm:else name="Name4">
            <dgm:alg type="cycle">
              <dgm:param type="rotPath" val="alongPath"/>
              <dgm:param type="stAng" val="90"/>
              <dgm:param type="spanAng" val="-360"/>
            </dgm:alg>
          </dgm:else>
        </dgm:choose>
      </dgm:if>
      <dgm:else name="Name5">
        <dgm:choose name="Name6">
          <dgm:if name="Name7" func="var" arg="dir" op="equ" val="norm">
            <dgm:alg type="cycle">
              <dgm:param type="rotPath" val="alongPath"/>
            </dgm:alg>
          </dgm:if>
          <dgm:else name="Name8">
            <dgm:alg type="cycle">
              <dgm:param type="rotPath" val="alongPath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hoose name="Name9">
      <dgm:if name="Name10" axis="ch" ptType="node" func="cnt" op="lte" val="2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0.1"/>
          <dgm:constr type="sibSp" refType="h" op="lte" fact="0.1"/>
          <dgm:constr type="diam" refType="w" refFor="ch" refPtType="node" op="equ" fact="1.1"/>
        </dgm:constrLst>
      </dgm:if>
      <dgm:if name="Name11" axis="ch" ptType="node" func="cnt" op="equ" val="5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-0.2"/>
          <dgm:constr type="sibSp" refType="h" op="lte" fact="0.1"/>
        </dgm:constrLst>
      </dgm:if>
      <dgm:if name="Name12" axis="ch" ptType="node" func="cnt" op="equ" val="6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-0.1"/>
          <dgm:constr type="sibSp" refType="h" op="lte" fact="0.1"/>
        </dgm:constrLst>
      </dgm:if>
      <dgm:if name="Name13" axis="ch" ptType="node" func="cnt" op="equ" val="7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-0.1"/>
          <dgm:constr type="sibSp" refType="h" op="lte" fact="0.1"/>
        </dgm:constrLst>
      </dgm:if>
      <dgm:if name="Name14" axis="ch" ptType="node" func="cnt" op="equ" val="8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/>
          <dgm:constr type="sibSp" refType="h" op="lte" fact="0.1"/>
        </dgm:constrLst>
      </dgm:if>
      <dgm:if name="Name15" axis="ch" ptType="node" func="cnt" op="gte" val="9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-0.1"/>
          <dgm:constr type="sibSp" refType="h" op="lte" fact="0.1"/>
        </dgm:constrLst>
      </dgm:if>
      <dgm:else name="Name16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-0.35"/>
        </dgm:constrLst>
      </dgm:else>
    </dgm:choose>
    <dgm:ruleLst/>
    <dgm:forEach name="Name17" axis="ch" ptType="node">
      <dgm:layoutNode name="arrow">
        <dgm:varLst>
          <dgm:bulletEnabled val="1"/>
        </dgm:varLst>
        <dgm:alg type="tx"/>
        <dgm:shape xmlns:r="http://schemas.openxmlformats.org/officeDocument/2006/relationships" type="downArrow" r:blip="">
          <dgm:adjLst>
            <dgm:adj idx="2" val="0.35"/>
          </dgm:adjLst>
        </dgm:shape>
        <dgm:presOf axis="desOrSelf" ptType="node"/>
        <dgm:constrLst/>
        <dgm:ruleLst>
          <dgm:rule type="primFontSz" val="5" fact="NaN" max="NaN"/>
        </dgm:ruleLst>
      </dgm:layoutNod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cycle2">
  <dgm:title val=""/>
  <dgm:desc val=""/>
  <dgm:catLst>
    <dgm:cat type="cycle" pri="1000"/>
    <dgm:cat type="convert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choose name="Name2">
          <dgm:if name="Name3" axis="ch" ptType="node" func="cnt" op="gt" val="2">
            <dgm:alg type="cycle">
              <dgm:param type="stAng" val="0"/>
              <dgm:param type="spanAng" val="360"/>
            </dgm:alg>
          </dgm:if>
          <dgm:else name="Name4">
            <dgm:alg type="cycle">
              <dgm:param type="stAng" val="-90"/>
              <dgm:param type="spanAng" val="360"/>
            </dgm:alg>
          </dgm:else>
        </dgm:choose>
      </dgm:if>
      <dgm:else name="Name5">
        <dgm:choose name="Name6">
          <dgm:if name="Name7" axis="ch" ptType="node" func="cnt" op="gt" val="2">
            <dgm:alg type="cycle">
              <dgm:param type="stAng" val="0"/>
              <dgm:param type="spanAng" val="-360"/>
            </dgm:alg>
          </dgm:if>
          <dgm:else name="Name8">
            <dgm:alg type="cycle">
              <dgm:param type="stAng" val="90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ptType="sibTrans" refType="w" refFor="ch" refPtType="node" op="equ" fact="0.25"/>
      <dgm:constr type="sibSp" refType="w" refFor="ch" refPtType="node" fact="0.5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ellipse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sibTransForEach" axis="followSib" ptType="sibTrans" hideLastTrans="0" cnt="1">
            <dgm:layoutNode name="sibTrans">
              <dgm:choose name="Name11">
                <dgm:if name="Name12" axis="par ch" ptType="doc node" func="cnt" op="lt" val="3">
                  <dgm:alg type="conn">
                    <dgm:param type="begPts" val="radial"/>
                    <dgm:param type="endPts" val="radial"/>
                  </dgm:alg>
                </dgm:if>
                <dgm:else name="Name13">
                  <dgm:alg type="conn">
                    <dgm:param type="begPts" val="auto"/>
                    <dgm:param type="endPts" val="auto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1.35"/>
                <dgm:constr type="connDist"/>
                <dgm:constr type="w" for="ch" refType="connDist" fact="0.45"/>
                <dgm:constr type="h" for="ch" refType="h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14"/>
      </dgm:choos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arrow5">
  <dgm:title val=""/>
  <dgm:desc val=""/>
  <dgm:catLst>
    <dgm:cat type="relationship" pri="6000"/>
    <dgm:cat type="process" pri="31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4" srcId="0" destId="1" srcOrd="0" destOrd="0"/>
        <dgm:cxn modelId="5" srcId="0" destId="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ch" ptType="node" func="cnt" op="equ" val="2">
        <dgm:choose name="Name2">
          <dgm:if name="Name3" func="var" arg="dir" op="equ" val="norm">
            <dgm:alg type="cycle">
              <dgm:param type="rotPath" val="alongPath"/>
              <dgm:param type="stAng" val="270"/>
            </dgm:alg>
          </dgm:if>
          <dgm:else name="Name4">
            <dgm:alg type="cycle">
              <dgm:param type="rotPath" val="alongPath"/>
              <dgm:param type="stAng" val="90"/>
              <dgm:param type="spanAng" val="-360"/>
            </dgm:alg>
          </dgm:else>
        </dgm:choose>
      </dgm:if>
      <dgm:else name="Name5">
        <dgm:choose name="Name6">
          <dgm:if name="Name7" func="var" arg="dir" op="equ" val="norm">
            <dgm:alg type="cycle">
              <dgm:param type="rotPath" val="alongPath"/>
            </dgm:alg>
          </dgm:if>
          <dgm:else name="Name8">
            <dgm:alg type="cycle">
              <dgm:param type="rotPath" val="alongPath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hoose name="Name9">
      <dgm:if name="Name10" axis="ch" ptType="node" func="cnt" op="lte" val="2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0.1"/>
          <dgm:constr type="sibSp" refType="h" op="lte" fact="0.1"/>
          <dgm:constr type="diam" refType="w" refFor="ch" refPtType="node" op="equ" fact="1.1"/>
        </dgm:constrLst>
      </dgm:if>
      <dgm:if name="Name11" axis="ch" ptType="node" func="cnt" op="equ" val="5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-0.2"/>
          <dgm:constr type="sibSp" refType="h" op="lte" fact="0.1"/>
        </dgm:constrLst>
      </dgm:if>
      <dgm:if name="Name12" axis="ch" ptType="node" func="cnt" op="equ" val="6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-0.1"/>
          <dgm:constr type="sibSp" refType="h" op="lte" fact="0.1"/>
        </dgm:constrLst>
      </dgm:if>
      <dgm:if name="Name13" axis="ch" ptType="node" func="cnt" op="equ" val="7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-0.1"/>
          <dgm:constr type="sibSp" refType="h" op="lte" fact="0.1"/>
        </dgm:constrLst>
      </dgm:if>
      <dgm:if name="Name14" axis="ch" ptType="node" func="cnt" op="equ" val="8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/>
          <dgm:constr type="sibSp" refType="h" op="lte" fact="0.1"/>
        </dgm:constrLst>
      </dgm:if>
      <dgm:if name="Name15" axis="ch" ptType="node" func="cnt" op="gte" val="9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-0.1"/>
          <dgm:constr type="sibSp" refType="h" op="lte" fact="0.1"/>
        </dgm:constrLst>
      </dgm:if>
      <dgm:else name="Name16">
        <dgm:constrLst>
          <dgm:constr type="primFontSz" for="ch" ptType="node" op="equ" val="65"/>
          <dgm:constr type="w" for="ch" ptType="node" refType="w"/>
          <dgm:constr type="h" for="ch" ptType="node" refType="w" refFor="ch" refPtType="node" op="equ"/>
          <dgm:constr type="sibSp" refType="w" refFor="ch" refPtType="node" fact="-0.35"/>
        </dgm:constrLst>
      </dgm:else>
    </dgm:choose>
    <dgm:ruleLst/>
    <dgm:forEach name="Name17" axis="ch" ptType="node">
      <dgm:layoutNode name="arrow">
        <dgm:varLst>
          <dgm:bulletEnabled val="1"/>
        </dgm:varLst>
        <dgm:alg type="tx"/>
        <dgm:shape xmlns:r="http://schemas.openxmlformats.org/officeDocument/2006/relationships" type="downArrow" r:blip="">
          <dgm:adjLst>
            <dgm:adj idx="2" val="0.35"/>
          </dgm:adjLst>
        </dgm:shape>
        <dgm:presOf axis="desOrSelf" ptType="node"/>
        <dgm:constrLst/>
        <dgm:ruleLst>
          <dgm:rule type="primFontSz" val="5" fact="NaN" max="NaN"/>
        </dgm:ruleLst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April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 of critical social media studies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kob Linaa Jen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ommunication and Culture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9020949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ommunication and Culture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April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 of critical social media studies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kob Linaa J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2036071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School of
Communication and Culture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6 April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Associate professor of critical social media studies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akob Linaa Jen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29043308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r>
              <a:rPr lang="da-DK"/>
              <a:t>October 24th 2022</a:t>
            </a:r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2024590680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akob Linaa Jens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6 April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Associate professor of critical social media studies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Aarhus Universit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School of
Communication and Culture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da-DK"/>
              <a:t>October 24th 2022</a:t>
            </a:r>
            <a:endParaRPr lang="en-GB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 dt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hyperlink" Target="http://www.linaa.net/" TargetMode="Externa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2.xml"/><Relationship Id="rId3" Type="http://schemas.openxmlformats.org/officeDocument/2006/relationships/diagramLayout" Target="../diagrams/layout1.xml"/><Relationship Id="rId7" Type="http://schemas.openxmlformats.org/officeDocument/2006/relationships/diagramData" Target="../diagrams/data2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1.xml"/><Relationship Id="rId11" Type="http://schemas.microsoft.com/office/2007/relationships/diagramDrawing" Target="../diagrams/drawing2.xml"/><Relationship Id="rId5" Type="http://schemas.openxmlformats.org/officeDocument/2006/relationships/diagramColors" Target="../diagrams/colors1.xml"/><Relationship Id="rId10" Type="http://schemas.openxmlformats.org/officeDocument/2006/relationships/diagramColors" Target="../diagrams/colors2.xml"/><Relationship Id="rId4" Type="http://schemas.openxmlformats.org/officeDocument/2006/relationships/diagramQuickStyle" Target="../diagrams/quickStyle1.xml"/><Relationship Id="rId9" Type="http://schemas.openxmlformats.org/officeDocument/2006/relationships/diagramQuickStyle" Target="../diagrams/quickStyle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4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5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hyperlink" Target="http://www.linaa.net/" TargetMode="Externa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tiff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FB9A15-8825-C551-F25E-5FC0C32597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4247" y="1052736"/>
            <a:ext cx="10220325" cy="1661993"/>
          </a:xfrm>
        </p:spPr>
        <p:txBody>
          <a:bodyPr/>
          <a:lstStyle/>
          <a:p>
            <a:pPr algn="ctr"/>
            <a:r>
              <a:rPr lang="en-GB" dirty="0"/>
              <a:t>D</a:t>
            </a:r>
            <a:r>
              <a:rPr lang="en-DK" dirty="0"/>
              <a:t>igital feudalism and information disorder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9CB899D-0F51-CF60-0DE1-AFA6E9802644}"/>
              </a:ext>
            </a:extLst>
          </p:cNvPr>
          <p:cNvSpPr txBox="1"/>
          <p:nvPr/>
        </p:nvSpPr>
        <p:spPr>
          <a:xfrm flipH="1">
            <a:off x="1845937" y="3198468"/>
            <a:ext cx="8496943" cy="304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DK" sz="2400" dirty="0">
                <a:solidFill>
                  <a:srgbClr val="FFFFFF"/>
                </a:solidFill>
                <a:latin typeface="+mn-lt"/>
              </a:rPr>
              <a:t>ECREA post-conference on </a:t>
            </a:r>
            <a:r>
              <a:rPr lang="en-DK" sz="2400">
                <a:solidFill>
                  <a:srgbClr val="FFFFFF"/>
                </a:solidFill>
                <a:latin typeface="+mn-lt"/>
              </a:rPr>
              <a:t>information disorders</a:t>
            </a:r>
          </a:p>
          <a:p>
            <a:pPr algn="ctr">
              <a:lnSpc>
                <a:spcPct val="95000"/>
              </a:lnSpc>
            </a:pPr>
            <a:r>
              <a:rPr lang="en-DK" sz="2400">
                <a:solidFill>
                  <a:srgbClr val="FFFFFF"/>
                </a:solidFill>
                <a:latin typeface="+mn-lt"/>
              </a:rPr>
              <a:t>Aarhus </a:t>
            </a:r>
            <a:r>
              <a:rPr lang="en-DK" sz="2400" dirty="0">
                <a:solidFill>
                  <a:srgbClr val="FFFFFF"/>
                </a:solidFill>
                <a:latin typeface="+mn-lt"/>
              </a:rPr>
              <a:t>October 24th 2022</a:t>
            </a:r>
          </a:p>
          <a:p>
            <a:pPr algn="ctr">
              <a:lnSpc>
                <a:spcPct val="95000"/>
              </a:lnSpc>
            </a:pPr>
            <a:endParaRPr lang="en-DK" sz="1600" dirty="0">
              <a:solidFill>
                <a:srgbClr val="FFFFFF"/>
              </a:solidFill>
              <a:latin typeface="+mn-lt"/>
            </a:endParaRPr>
          </a:p>
          <a:p>
            <a:pPr algn="ctr">
              <a:lnSpc>
                <a:spcPct val="95000"/>
              </a:lnSpc>
            </a:pPr>
            <a:r>
              <a:rPr lang="en-DK" sz="1600" dirty="0">
                <a:solidFill>
                  <a:srgbClr val="FFFFFF"/>
                </a:solidFill>
                <a:latin typeface="+mn-lt"/>
              </a:rPr>
              <a:t>Jakob Linaa Jensen, Ph.D.</a:t>
            </a:r>
          </a:p>
          <a:p>
            <a:pPr algn="ctr">
              <a:lnSpc>
                <a:spcPct val="95000"/>
              </a:lnSpc>
            </a:pPr>
            <a:r>
              <a:rPr lang="en-DK" sz="1600" dirty="0">
                <a:solidFill>
                  <a:srgbClr val="FFFFFF"/>
                </a:solidFill>
                <a:latin typeface="+mn-lt"/>
              </a:rPr>
              <a:t>Director of Centre for Internet Studies &amp; </a:t>
            </a:r>
            <a:r>
              <a:rPr lang="da-DK" sz="1600" dirty="0" err="1">
                <a:solidFill>
                  <a:srgbClr val="FFFFFF"/>
                </a:solidFill>
                <a:latin typeface="+mn-lt"/>
              </a:rPr>
              <a:t>associate</a:t>
            </a:r>
            <a:r>
              <a:rPr lang="da-DK" sz="1600" dirty="0">
                <a:solidFill>
                  <a:srgbClr val="FFFFFF"/>
                </a:solidFill>
                <a:latin typeface="+mn-lt"/>
              </a:rPr>
              <a:t> </a:t>
            </a:r>
            <a:r>
              <a:rPr lang="en-DK" sz="1600" dirty="0">
                <a:solidFill>
                  <a:srgbClr val="FFFFFF"/>
                </a:solidFill>
                <a:latin typeface="+mn-lt"/>
              </a:rPr>
              <a:t>professor of critical social media studies</a:t>
            </a:r>
          </a:p>
          <a:p>
            <a:pPr algn="ctr">
              <a:lnSpc>
                <a:spcPct val="95000"/>
              </a:lnSpc>
            </a:pPr>
            <a:r>
              <a:rPr lang="en-DK" sz="1600" dirty="0">
                <a:solidFill>
                  <a:srgbClr val="FFFFFF"/>
                </a:solidFill>
                <a:latin typeface="+mn-lt"/>
              </a:rPr>
              <a:t>School of Communication and Culture, Dep. </a:t>
            </a:r>
            <a:r>
              <a:rPr lang="en-GB" sz="1600" dirty="0">
                <a:solidFill>
                  <a:srgbClr val="FFFFFF"/>
                </a:solidFill>
                <a:latin typeface="+mn-lt"/>
              </a:rPr>
              <a:t>of Media &amp; Journalism Studies, Aarhus University</a:t>
            </a:r>
          </a:p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rgbClr val="FFFFFF"/>
                </a:solidFill>
                <a:latin typeface="+mn-lt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ww.linaa.net</a:t>
            </a:r>
            <a:r>
              <a:rPr lang="en-GB" sz="1600" dirty="0">
                <a:solidFill>
                  <a:srgbClr val="FFFFFF"/>
                </a:solidFill>
                <a:latin typeface="+mn-lt"/>
              </a:rPr>
              <a:t>    @</a:t>
            </a:r>
            <a:r>
              <a:rPr lang="en-GB" sz="1600" dirty="0" err="1">
                <a:solidFill>
                  <a:srgbClr val="FFFFFF"/>
                </a:solidFill>
                <a:latin typeface="+mn-lt"/>
              </a:rPr>
              <a:t>jakoblinaa</a:t>
            </a:r>
            <a:endParaRPr lang="en-GB" sz="1600" dirty="0">
              <a:solidFill>
                <a:srgbClr val="FFFFFF"/>
              </a:solidFill>
              <a:latin typeface="+mn-lt"/>
            </a:endParaRPr>
          </a:p>
          <a:p>
            <a:pPr algn="ctr">
              <a:lnSpc>
                <a:spcPct val="95000"/>
              </a:lnSpc>
            </a:pPr>
            <a:endParaRPr lang="en-GB" sz="1600" dirty="0">
              <a:solidFill>
                <a:srgbClr val="FFFFFF"/>
              </a:solidFill>
              <a:latin typeface="+mn-lt"/>
            </a:endParaRPr>
          </a:p>
          <a:p>
            <a:pPr algn="ctr">
              <a:lnSpc>
                <a:spcPct val="95000"/>
              </a:lnSpc>
            </a:pPr>
            <a:r>
              <a:rPr lang="en-GB" sz="1600" dirty="0" err="1">
                <a:solidFill>
                  <a:srgbClr val="FFFFFF"/>
                </a:solidFill>
                <a:latin typeface="+mn-lt"/>
              </a:rPr>
              <a:t>Benedetta</a:t>
            </a:r>
            <a:r>
              <a:rPr lang="en-GB" sz="1600" dirty="0">
                <a:solidFill>
                  <a:srgbClr val="FFFFFF"/>
                </a:solidFill>
                <a:latin typeface="+mn-lt"/>
              </a:rPr>
              <a:t> </a:t>
            </a:r>
            <a:r>
              <a:rPr lang="en-GB" sz="1600" dirty="0" err="1">
                <a:solidFill>
                  <a:srgbClr val="FFFFFF"/>
                </a:solidFill>
                <a:latin typeface="+mn-lt"/>
              </a:rPr>
              <a:t>Brevini</a:t>
            </a:r>
            <a:r>
              <a:rPr lang="en-GB" sz="1600" dirty="0">
                <a:solidFill>
                  <a:srgbClr val="FFFFFF"/>
                </a:solidFill>
                <a:latin typeface="+mn-lt"/>
              </a:rPr>
              <a:t>, Ph.D.</a:t>
            </a:r>
          </a:p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rgbClr val="FFFFFF"/>
                </a:solidFill>
                <a:latin typeface="+mn-lt"/>
              </a:rPr>
              <a:t>Associate professor, University of Sydney</a:t>
            </a:r>
          </a:p>
          <a:p>
            <a:pPr algn="ctr">
              <a:lnSpc>
                <a:spcPct val="95000"/>
              </a:lnSpc>
            </a:pPr>
            <a:r>
              <a:rPr lang="en-GB" sz="1600" dirty="0">
                <a:solidFill>
                  <a:srgbClr val="FFFFFF"/>
                </a:solidFill>
                <a:latin typeface="+mn-lt"/>
              </a:rPr>
              <a:t>@</a:t>
            </a:r>
            <a:r>
              <a:rPr lang="en-GB" sz="1600" dirty="0" err="1">
                <a:solidFill>
                  <a:srgbClr val="FFFFFF"/>
                </a:solidFill>
                <a:latin typeface="+mn-lt"/>
              </a:rPr>
              <a:t>grnsurveillance</a:t>
            </a:r>
            <a:endParaRPr lang="en-GB" sz="1600" dirty="0">
              <a:solidFill>
                <a:srgbClr val="FFFFFF"/>
              </a:solidFill>
              <a:latin typeface="+mn-lt"/>
            </a:endParaRPr>
          </a:p>
          <a:p>
            <a:pPr algn="ctr">
              <a:lnSpc>
                <a:spcPct val="95000"/>
              </a:lnSpc>
            </a:pPr>
            <a:endParaRPr lang="en-DK" sz="1600" dirty="0">
              <a:solidFill>
                <a:srgbClr val="FFFFFF"/>
              </a:solidFill>
              <a:latin typeface="+mn-lt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95DA27C-A08C-F7F3-2614-A9D6EC9CCB24}"/>
              </a:ext>
            </a:extLst>
          </p:cNvPr>
          <p:cNvSpPr txBox="1"/>
          <p:nvPr/>
        </p:nvSpPr>
        <p:spPr>
          <a:xfrm>
            <a:off x="4798268" y="6165304"/>
            <a:ext cx="4176464" cy="576064"/>
          </a:xfrm>
          <a:prstGeom prst="rect">
            <a:avLst/>
          </a:prstGeom>
          <a:solidFill>
            <a:schemeClr val="bg2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08505685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BDF6CD-86C0-DB0F-9070-4D8C28815D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GB" dirty="0"/>
              <a:t>C</a:t>
            </a:r>
            <a:r>
              <a:rPr lang="en-DK" dirty="0"/>
              <a:t>ase 1: Faceboo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49516F0-DD78-B694-68F8-271BD5023F6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en-DK" dirty="0"/>
              <a:t>Originally a school network it has become the world’s dominant online public sphere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en-DK" dirty="0"/>
              <a:t>But mediation is based on invisible logics rather than transparency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en-DK" dirty="0"/>
              <a:t>Rule defined by boards and stakeholders rather than elected actors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endParaRPr lang="en-DK" dirty="0"/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en-DK" dirty="0"/>
              <a:t>Algoritms are the central mechanism defining </a:t>
            </a:r>
            <a:r>
              <a:rPr lang="en-DK" b="1" dirty="0"/>
              <a:t>information flows </a:t>
            </a:r>
            <a:r>
              <a:rPr lang="en-DK" dirty="0"/>
              <a:t>and </a:t>
            </a:r>
            <a:r>
              <a:rPr lang="en-DK" b="1" dirty="0"/>
              <a:t>content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en-DK" dirty="0"/>
              <a:t>They regulate </a:t>
            </a:r>
            <a:r>
              <a:rPr lang="en-DK" b="1" dirty="0"/>
              <a:t>visibility</a:t>
            </a:r>
            <a:r>
              <a:rPr lang="en-DK" dirty="0"/>
              <a:t> and </a:t>
            </a:r>
            <a:r>
              <a:rPr lang="en-DK" b="1" dirty="0"/>
              <a:t>invisibility</a:t>
            </a:r>
          </a:p>
        </p:txBody>
      </p:sp>
    </p:spTree>
    <p:extLst>
      <p:ext uri="{BB962C8B-B14F-4D97-AF65-F5344CB8AC3E}">
        <p14:creationId xmlns:p14="http://schemas.microsoft.com/office/powerpoint/2010/main" val="309885911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1DE10C-F54D-0A83-BA7D-E28E52A5B2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GB" dirty="0"/>
              <a:t>C</a:t>
            </a:r>
            <a:r>
              <a:rPr lang="en-DK" dirty="0"/>
              <a:t>ase 2: Amaz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EDBA31-9F4F-E03D-014C-3990122B2D9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DK" dirty="0"/>
              <a:t>Originally and online bookstore but now major information broker, one of the “big 5”</a:t>
            </a:r>
          </a:p>
          <a:p>
            <a:r>
              <a:rPr lang="en-DK" dirty="0"/>
              <a:t>Amazon first to emply an algorithm for selection of content</a:t>
            </a:r>
          </a:p>
          <a:p>
            <a:r>
              <a:rPr lang="en-DK" dirty="0"/>
              <a:t>Based on the drive to sell more and be convenient</a:t>
            </a:r>
          </a:p>
          <a:p>
            <a:endParaRPr lang="en-DK" dirty="0"/>
          </a:p>
          <a:p>
            <a:r>
              <a:rPr lang="en-DK" dirty="0"/>
              <a:t>But Amazon creates its own ecosystem of tethered content</a:t>
            </a:r>
          </a:p>
          <a:p>
            <a:r>
              <a:rPr lang="en-DK" dirty="0"/>
              <a:t>It relies on a business model of the exploitation of data from their customers</a:t>
            </a:r>
          </a:p>
          <a:p>
            <a:r>
              <a:rPr lang="en-DK" dirty="0"/>
              <a:t>Together with the other big fives they create a feudal system of silos and mutual depencies</a:t>
            </a:r>
          </a:p>
        </p:txBody>
      </p:sp>
    </p:spTree>
    <p:extLst>
      <p:ext uri="{BB962C8B-B14F-4D97-AF65-F5344CB8AC3E}">
        <p14:creationId xmlns:p14="http://schemas.microsoft.com/office/powerpoint/2010/main" val="420240447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926537-4882-F346-BBAB-A511B72586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GB" dirty="0"/>
              <a:t>T</a:t>
            </a:r>
            <a:r>
              <a:rPr lang="en-DK" dirty="0"/>
              <a:t>he internet: ideals and reality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968801A5-C74B-A245-8EC0-C76BCC427C76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25420695"/>
              </p:ext>
            </p:extLst>
          </p:nvPr>
        </p:nvGraphicFramePr>
        <p:xfrm>
          <a:off x="7174532" y="1412776"/>
          <a:ext cx="4388494" cy="45212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8F916B08-E6BA-8E4D-A522-27745566990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42882877"/>
              </p:ext>
            </p:extLst>
          </p:nvPr>
        </p:nvGraphicFramePr>
        <p:xfrm>
          <a:off x="1081785" y="1446379"/>
          <a:ext cx="4999045" cy="422079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7" name="TextBox 6">
            <a:extLst>
              <a:ext uri="{FF2B5EF4-FFF2-40B4-BE49-F238E27FC236}">
                <a16:creationId xmlns:a16="http://schemas.microsoft.com/office/drawing/2014/main" id="{93383C60-1845-7F4D-A706-AE2B3BE10EC1}"/>
              </a:ext>
            </a:extLst>
          </p:cNvPr>
          <p:cNvSpPr txBox="1"/>
          <p:nvPr/>
        </p:nvSpPr>
        <p:spPr>
          <a:xfrm>
            <a:off x="3214092" y="3429000"/>
            <a:ext cx="1080120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P</a:t>
            </a:r>
            <a:r>
              <a:rPr lang="en-DK" sz="1600" dirty="0">
                <a:latin typeface="+mn-lt"/>
              </a:rPr>
              <a:t>ublic discourse</a:t>
            </a:r>
          </a:p>
        </p:txBody>
      </p:sp>
    </p:spTree>
    <p:extLst>
      <p:ext uri="{BB962C8B-B14F-4D97-AF65-F5344CB8AC3E}">
        <p14:creationId xmlns:p14="http://schemas.microsoft.com/office/powerpoint/2010/main" val="156413961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/>
              <a:t>The battle of information order</a:t>
            </a:r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88903950"/>
              </p:ext>
            </p:extLst>
          </p:nvPr>
        </p:nvGraphicFramePr>
        <p:xfrm>
          <a:off x="2072734" y="1600677"/>
          <a:ext cx="8040182" cy="434226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01054784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585F21-55A4-F542-9EAE-05D2F4F053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e threat </a:t>
            </a:r>
            <a:r>
              <a:rPr lang="en-GB" dirty="0" err="1"/>
              <a:t>agains</a:t>
            </a:r>
            <a:r>
              <a:rPr lang="en-GB" dirty="0"/>
              <a:t> public discourse</a:t>
            </a:r>
            <a:endParaRPr lang="en-DK" dirty="0"/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192EE503-AB77-3D4A-9F7C-D76BE1B75FBE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985838" y="1373188"/>
          <a:ext cx="10220325" cy="45212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50740891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56D0BE3-FEF0-5242-BFE8-5927BDE64F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GB" dirty="0"/>
              <a:t>The dilemma</a:t>
            </a:r>
            <a:br>
              <a:rPr lang="en-GB" dirty="0"/>
            </a:br>
            <a:endParaRPr lang="en-DK" dirty="0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3A574114-A8A8-9C40-957C-DF8ECAA64526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985838" y="1373188"/>
          <a:ext cx="10220325" cy="45212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95082592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145B67-5EA2-C947-A813-418A1F89CF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10840" y="332656"/>
            <a:ext cx="11556000" cy="752101"/>
          </a:xfrm>
        </p:spPr>
        <p:txBody>
          <a:bodyPr/>
          <a:lstStyle/>
          <a:p>
            <a:pPr algn="ctr"/>
            <a:r>
              <a:rPr lang="en-DK" dirty="0"/>
              <a:t>thank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F3112E-06E5-DF42-8221-DC29A495B41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870276" y="2492896"/>
            <a:ext cx="10220325" cy="4521366"/>
          </a:xfrm>
        </p:spPr>
        <p:txBody>
          <a:bodyPr/>
          <a:lstStyle/>
          <a:p>
            <a:r>
              <a:rPr lang="en-DK" dirty="0"/>
              <a:t>Jakob Linaa Jensen</a:t>
            </a:r>
          </a:p>
          <a:p>
            <a:r>
              <a:rPr lang="en-DK" dirty="0">
                <a:hlinkClick r:id="rId2"/>
              </a:rPr>
              <a:t>www.linaa.net</a:t>
            </a:r>
            <a:endParaRPr lang="en-DK" dirty="0"/>
          </a:p>
          <a:p>
            <a:r>
              <a:rPr lang="en-DK" dirty="0"/>
              <a:t>Twitter, Facebook: @jakoblinaa</a:t>
            </a:r>
          </a:p>
          <a:p>
            <a:r>
              <a:rPr lang="en-GB" dirty="0"/>
              <a:t>E</a:t>
            </a:r>
            <a:r>
              <a:rPr lang="en-DK" dirty="0"/>
              <a:t>-mail: linaa@cc.au.dk</a:t>
            </a:r>
          </a:p>
        </p:txBody>
      </p:sp>
    </p:spTree>
    <p:extLst>
      <p:ext uri="{BB962C8B-B14F-4D97-AF65-F5344CB8AC3E}">
        <p14:creationId xmlns:p14="http://schemas.microsoft.com/office/powerpoint/2010/main" val="117585065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E811E0E3-19B3-514E-9186-70C5B7BB2D3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" y="893"/>
            <a:ext cx="12188825" cy="68562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859421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650874" y="305773"/>
            <a:ext cx="10887075" cy="1309328"/>
          </a:xfrm>
        </p:spPr>
        <p:txBody>
          <a:bodyPr/>
          <a:lstStyle/>
          <a:p>
            <a:pPr algn="ctr"/>
            <a:r>
              <a:rPr lang="en-GB" dirty="0"/>
              <a:t>agenda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862164" y="2420888"/>
            <a:ext cx="10220325" cy="3937484"/>
          </a:xfrm>
        </p:spPr>
        <p:txBody>
          <a:bodyPr/>
          <a:lstStyle/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en-GB" dirty="0"/>
              <a:t>The public and the public sphere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en-GB" dirty="0"/>
              <a:t>Social media logics and algorithms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en-GB" dirty="0"/>
              <a:t>Algorithms as hierarchy and “feudalism</a:t>
            </a:r>
          </a:p>
          <a:p>
            <a:pPr marL="342900" indent="-342900">
              <a:lnSpc>
                <a:spcPct val="150000"/>
              </a:lnSpc>
              <a:buFont typeface="Wingdings" pitchFamily="2" charset="2"/>
              <a:buChar char="§"/>
            </a:pPr>
            <a:r>
              <a:rPr lang="en-GB" dirty="0"/>
              <a:t>The resulting information disorder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370CCF5-4F38-7108-CEEA-BE09BCB6CA1D}"/>
              </a:ext>
            </a:extLst>
          </p:cNvPr>
          <p:cNvSpPr txBox="1"/>
          <p:nvPr/>
        </p:nvSpPr>
        <p:spPr>
          <a:xfrm>
            <a:off x="5617029" y="6531429"/>
            <a:ext cx="65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en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02864" y="565573"/>
            <a:ext cx="7581512" cy="1044116"/>
          </a:xfrm>
        </p:spPr>
        <p:txBody>
          <a:bodyPr>
            <a:normAutofit/>
          </a:bodyPr>
          <a:lstStyle/>
          <a:p>
            <a:pPr algn="ctr"/>
            <a:r>
              <a:rPr lang="en-US" dirty="0"/>
              <a:t>The public sphere 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68791B7-108C-A396-C107-0DAE62C20E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Wingdings" pitchFamily="2" charset="2"/>
              <a:buChar char="§"/>
            </a:pPr>
            <a:r>
              <a:rPr lang="en-GB" dirty="0"/>
              <a:t>Associated with thinkers like Jürgen Habermas and John Dewey</a:t>
            </a:r>
          </a:p>
          <a:p>
            <a:pPr marL="342900" indent="-342900">
              <a:buFont typeface="Wingdings" pitchFamily="2" charset="2"/>
              <a:buChar char="§"/>
            </a:pPr>
            <a:r>
              <a:rPr lang="en-GB" dirty="0"/>
              <a:t>Central role as intermediary between citizens and politicians, facilitated by </a:t>
            </a:r>
            <a:r>
              <a:rPr lang="en-GB" b="1" dirty="0"/>
              <a:t>media</a:t>
            </a:r>
            <a:endParaRPr lang="en-GB" dirty="0"/>
          </a:p>
          <a:p>
            <a:pPr marL="342900" indent="-342900">
              <a:buFont typeface="Wingdings" pitchFamily="2" charset="2"/>
              <a:buChar char="§"/>
            </a:pPr>
            <a:endParaRPr lang="en-GB" dirty="0"/>
          </a:p>
          <a:p>
            <a:pPr marL="342900" indent="-342900">
              <a:buFont typeface="Wingdings" pitchFamily="2" charset="2"/>
              <a:buChar char="§"/>
            </a:pPr>
            <a:r>
              <a:rPr lang="en-GB" dirty="0"/>
              <a:t>Four functions:</a:t>
            </a:r>
          </a:p>
          <a:p>
            <a:pPr marL="774900" lvl="1" indent="-342900">
              <a:buFont typeface="Wingdings" pitchFamily="2" charset="2"/>
              <a:buChar char="§"/>
            </a:pPr>
            <a:r>
              <a:rPr lang="en-GB" dirty="0"/>
              <a:t>”Weather cock” for public opinion</a:t>
            </a:r>
          </a:p>
          <a:p>
            <a:pPr marL="774900" lvl="1" indent="-342900">
              <a:buFont typeface="Wingdings" pitchFamily="2" charset="2"/>
              <a:buChar char="§"/>
            </a:pPr>
            <a:r>
              <a:rPr lang="en-GB" dirty="0"/>
              <a:t>Connections between citizens and politicians</a:t>
            </a:r>
          </a:p>
          <a:p>
            <a:pPr marL="774900" lvl="1" indent="-342900">
              <a:buFont typeface="Wingdings" pitchFamily="2" charset="2"/>
              <a:buChar char="§"/>
            </a:pPr>
            <a:r>
              <a:rPr lang="en-GB" dirty="0"/>
              <a:t>Articulation and pursuit of interests</a:t>
            </a:r>
          </a:p>
          <a:p>
            <a:pPr marL="774900" lvl="1" indent="-342900">
              <a:buFont typeface="Wingdings" pitchFamily="2" charset="2"/>
              <a:buChar char="§"/>
            </a:pPr>
            <a:r>
              <a:rPr lang="en-GB" dirty="0"/>
              <a:t>Forum for problem-solving</a:t>
            </a:r>
          </a:p>
          <a:p>
            <a:pPr marL="342900" indent="-342900">
              <a:buFont typeface="Wingdings" pitchFamily="2" charset="2"/>
              <a:buChar char="§"/>
            </a:pPr>
            <a:endParaRPr lang="en-GB" dirty="0"/>
          </a:p>
          <a:p>
            <a:pPr marL="342900" indent="-342900">
              <a:buFont typeface="Wingdings" pitchFamily="2" charset="2"/>
              <a:buChar char="§"/>
            </a:pPr>
            <a:r>
              <a:rPr lang="en-GB" dirty="0"/>
              <a:t>Assumption of </a:t>
            </a:r>
            <a:r>
              <a:rPr lang="en-GB" b="1" dirty="0"/>
              <a:t>free flow of information</a:t>
            </a:r>
          </a:p>
          <a:p>
            <a:pPr marL="342900" indent="-342900">
              <a:buFont typeface="Wingdings" pitchFamily="2" charset="2"/>
              <a:buChar char="§"/>
            </a:pPr>
            <a:r>
              <a:rPr lang="en-GB" dirty="0"/>
              <a:t>Assumption of a </a:t>
            </a:r>
            <a:r>
              <a:rPr lang="en-GB" b="1" dirty="0"/>
              <a:t>liberal, autonomous subject</a:t>
            </a:r>
          </a:p>
          <a:p>
            <a:endParaRPr lang="en-DK" dirty="0"/>
          </a:p>
          <a:p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44421869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34C03E-48BB-5849-AC1F-8BAE503780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7421" y="404664"/>
            <a:ext cx="11556000" cy="752101"/>
          </a:xfrm>
        </p:spPr>
        <p:txBody>
          <a:bodyPr/>
          <a:lstStyle/>
          <a:p>
            <a:r>
              <a:rPr lang="en-GB" dirty="0"/>
              <a:t>Legacy M</a:t>
            </a:r>
            <a:r>
              <a:rPr lang="en-DK" dirty="0"/>
              <a:t>edia and the public sphe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2DA6C41-B759-E543-AF93-8D7C9FBC1A4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844823"/>
            <a:ext cx="10220325" cy="4049563"/>
          </a:xfrm>
        </p:spPr>
        <p:txBody>
          <a:bodyPr/>
          <a:lstStyle/>
          <a:p>
            <a:pPr marL="342900" indent="-342900">
              <a:buFont typeface="Wingdings" pitchFamily="2" charset="2"/>
              <a:buChar char="§"/>
            </a:pPr>
            <a:r>
              <a:rPr lang="en-DK" dirty="0"/>
              <a:t>A special role in democracy</a:t>
            </a:r>
          </a:p>
          <a:p>
            <a:pPr marL="342900" indent="-342900">
              <a:buFont typeface="Wingdings" pitchFamily="2" charset="2"/>
              <a:buChar char="§"/>
            </a:pPr>
            <a:r>
              <a:rPr lang="en-DK" dirty="0"/>
              <a:t>Seen as vital for enlightenment and debate</a:t>
            </a:r>
          </a:p>
          <a:p>
            <a:pPr marL="342900" indent="-342900">
              <a:buFont typeface="Wingdings" pitchFamily="2" charset="2"/>
              <a:buChar char="§"/>
            </a:pPr>
            <a:r>
              <a:rPr lang="en-DK" dirty="0"/>
              <a:t>Public service media and cert</a:t>
            </a:r>
            <a:r>
              <a:rPr lang="en-GB" dirty="0"/>
              <a:t>ai</a:t>
            </a:r>
            <a:r>
              <a:rPr lang="en-DK" dirty="0"/>
              <a:t>n privileges</a:t>
            </a:r>
          </a:p>
          <a:p>
            <a:pPr marL="342900" indent="-342900">
              <a:buFont typeface="Wingdings" pitchFamily="2" charset="2"/>
              <a:buChar char="§"/>
            </a:pPr>
            <a:endParaRPr lang="en-DK" dirty="0"/>
          </a:p>
          <a:p>
            <a:pPr marL="342900" indent="-342900">
              <a:buFont typeface="Wingdings" pitchFamily="2" charset="2"/>
              <a:buChar char="§"/>
            </a:pPr>
            <a:r>
              <a:rPr lang="en-DK" dirty="0"/>
              <a:t>Open access</a:t>
            </a:r>
          </a:p>
          <a:p>
            <a:pPr marL="342900" indent="-342900">
              <a:buFont typeface="Wingdings" pitchFamily="2" charset="2"/>
              <a:buChar char="§"/>
            </a:pPr>
            <a:r>
              <a:rPr lang="en-DK" dirty="0"/>
              <a:t>Editing and publishing based on </a:t>
            </a:r>
            <a:r>
              <a:rPr lang="en-DK" b="1" dirty="0"/>
              <a:t>transparent</a:t>
            </a:r>
            <a:r>
              <a:rPr lang="en-DK" dirty="0"/>
              <a:t> criteria</a:t>
            </a:r>
          </a:p>
          <a:p>
            <a:pPr marL="342900" indent="-342900">
              <a:buFont typeface="Wingdings" pitchFamily="2" charset="2"/>
              <a:buChar char="§"/>
            </a:pPr>
            <a:r>
              <a:rPr lang="en-DK" dirty="0"/>
              <a:t>Possible to held </a:t>
            </a:r>
            <a:r>
              <a:rPr lang="en-DK" b="1" dirty="0"/>
              <a:t>accountable</a:t>
            </a:r>
            <a:r>
              <a:rPr lang="en-DK" dirty="0"/>
              <a:t> and </a:t>
            </a:r>
            <a:r>
              <a:rPr lang="en-DK" b="1" dirty="0"/>
              <a:t>responsible</a:t>
            </a:r>
          </a:p>
          <a:p>
            <a:pPr marL="342900" indent="-342900">
              <a:buFont typeface="Wingdings" pitchFamily="2" charset="2"/>
              <a:buChar char="§"/>
            </a:pPr>
            <a:r>
              <a:rPr lang="en-GB" dirty="0"/>
              <a:t>E</a:t>
            </a:r>
            <a:r>
              <a:rPr lang="en-DK" dirty="0"/>
              <a:t>xample: in Denmark “Medieansvarsloven”</a:t>
            </a:r>
          </a:p>
          <a:p>
            <a:pPr marL="342900" indent="-342900">
              <a:buFont typeface="Wingdings" pitchFamily="2" charset="2"/>
              <a:buChar char="§"/>
            </a:pP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4646542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2A4DD2-8715-3049-920F-E2909A5813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5838" y="587563"/>
            <a:ext cx="11556000" cy="752101"/>
          </a:xfrm>
        </p:spPr>
        <p:txBody>
          <a:bodyPr/>
          <a:lstStyle/>
          <a:p>
            <a:r>
              <a:rPr lang="en-GB" dirty="0"/>
              <a:t>Platforms </a:t>
            </a:r>
            <a:r>
              <a:rPr lang="en-DK" dirty="0"/>
              <a:t>and the public spher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1BAC928-BD1B-AC4B-9751-582056A2F2C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16831"/>
            <a:ext cx="10220325" cy="3977555"/>
          </a:xfrm>
        </p:spPr>
        <p:txBody>
          <a:bodyPr/>
          <a:lstStyle/>
          <a:p>
            <a:r>
              <a:rPr lang="en-DK" dirty="0"/>
              <a:t>Platforms defined as digital media based on users, networks and extraction of user data and content</a:t>
            </a:r>
          </a:p>
          <a:p>
            <a:r>
              <a:rPr lang="en-DK" dirty="0"/>
              <a:t>Datafication and commodification central in their business model (van Dijck, 2013)</a:t>
            </a:r>
          </a:p>
          <a:p>
            <a:endParaRPr lang="en-DK" dirty="0"/>
          </a:p>
          <a:p>
            <a:r>
              <a:rPr lang="en-DK" dirty="0"/>
              <a:t>Most important: editing, moderation and censorship based on </a:t>
            </a:r>
            <a:r>
              <a:rPr lang="en-DK" b="1" dirty="0"/>
              <a:t>algorithms</a:t>
            </a:r>
          </a:p>
          <a:p>
            <a:endParaRPr lang="en-DK" b="1" dirty="0"/>
          </a:p>
          <a:p>
            <a:r>
              <a:rPr lang="en-DK" b="1" dirty="0"/>
              <a:t>The latter is very different from legacy media and from liberal democratic principles of agency, transparency and accountability</a:t>
            </a:r>
          </a:p>
        </p:txBody>
      </p:sp>
    </p:spTree>
    <p:extLst>
      <p:ext uri="{BB962C8B-B14F-4D97-AF65-F5344CB8AC3E}">
        <p14:creationId xmlns:p14="http://schemas.microsoft.com/office/powerpoint/2010/main" val="187226503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04D169-C8EC-3D23-85B7-88B198C8E7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412" y="2420888"/>
            <a:ext cx="11556000" cy="752101"/>
          </a:xfrm>
        </p:spPr>
        <p:txBody>
          <a:bodyPr/>
          <a:lstStyle/>
          <a:p>
            <a:pPr algn="ctr"/>
            <a:r>
              <a:rPr lang="en-DK" dirty="0"/>
              <a:t>We propose the problem is digital feudalism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0B94188-2353-8320-75A2-AE6D94679E4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DK"/>
          </a:p>
        </p:txBody>
      </p:sp>
    </p:spTree>
    <p:extLst>
      <p:ext uri="{BB962C8B-B14F-4D97-AF65-F5344CB8AC3E}">
        <p14:creationId xmlns:p14="http://schemas.microsoft.com/office/powerpoint/2010/main" val="428275774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215E7C0-D80A-1343-B8A7-28A0C99F271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AU" dirty="0"/>
              <a:t>feudalism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B8C1DB8-A779-E442-A80A-05EE8DAA74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44134" y="2142402"/>
            <a:ext cx="5634834" cy="3648183"/>
          </a:xfrm>
        </p:spPr>
        <p:txBody>
          <a:bodyPr/>
          <a:lstStyle/>
          <a:p>
            <a:r>
              <a:rPr lang="en-AU" dirty="0"/>
              <a:t>Marc Bloch (1961)</a:t>
            </a:r>
          </a:p>
          <a:p>
            <a:r>
              <a:rPr lang="en-AU" dirty="0"/>
              <a:t>Society characterised by economic dominance</a:t>
            </a:r>
          </a:p>
          <a:p>
            <a:r>
              <a:rPr lang="en-AU" dirty="0"/>
              <a:t>Based on threats and violence</a:t>
            </a:r>
          </a:p>
          <a:p>
            <a:r>
              <a:rPr lang="en-AU" dirty="0"/>
              <a:t>Lords and servants</a:t>
            </a:r>
          </a:p>
          <a:p>
            <a:r>
              <a:rPr lang="en-AU" dirty="0"/>
              <a:t>Dependencies 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DD2BA07E-30C7-D14E-AFCC-28B8AF974448}"/>
              </a:ext>
            </a:extLst>
          </p:cNvPr>
          <p:cNvPicPr>
            <a:picLocks noChangeAspect="1"/>
          </p:cNvPicPr>
          <p:nvPr/>
        </p:nvPicPr>
        <p:blipFill>
          <a:blip r:embed="rId2">
            <a:alphaModFix amt="89000"/>
          </a:blip>
          <a:stretch>
            <a:fillRect/>
          </a:stretch>
        </p:blipFill>
        <p:spPr>
          <a:xfrm>
            <a:off x="6331971" y="2414653"/>
            <a:ext cx="4260061" cy="36481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847762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C2F633-EB9F-1182-CDD9-B36491DA69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D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E76DDAE-6E38-7B77-4746-25FFEA476F6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Wingdings" pitchFamily="2" charset="2"/>
              <a:buChar char="§"/>
            </a:pPr>
            <a:r>
              <a:rPr lang="en-DK" dirty="0"/>
              <a:t>Feudalism was characterised by a close connection between power, hierarchies and economy</a:t>
            </a:r>
          </a:p>
          <a:p>
            <a:pPr marL="342900" indent="-342900">
              <a:buFont typeface="Wingdings" pitchFamily="2" charset="2"/>
              <a:buChar char="§"/>
            </a:pPr>
            <a:endParaRPr lang="en-DK" dirty="0"/>
          </a:p>
          <a:p>
            <a:pPr marL="342900" indent="-342900">
              <a:buFont typeface="Wingdings" pitchFamily="2" charset="2"/>
              <a:buChar char="§"/>
            </a:pPr>
            <a:r>
              <a:rPr lang="en-DK" dirty="0"/>
              <a:t>Feudalism was replaced by capitalsm</a:t>
            </a:r>
          </a:p>
          <a:p>
            <a:pPr marL="342900" indent="-342900">
              <a:buFont typeface="Wingdings" pitchFamily="2" charset="2"/>
              <a:buChar char="§"/>
            </a:pPr>
            <a:r>
              <a:rPr lang="en-DK" dirty="0"/>
              <a:t>In </a:t>
            </a:r>
            <a:r>
              <a:rPr lang="en-DK" b="1" dirty="0"/>
              <a:t>capitalism</a:t>
            </a:r>
            <a:r>
              <a:rPr lang="en-DK" dirty="0"/>
              <a:t> political and economic power were in principle </a:t>
            </a:r>
            <a:r>
              <a:rPr lang="en-DK" b="1" dirty="0"/>
              <a:t>decoupled</a:t>
            </a:r>
          </a:p>
          <a:p>
            <a:pPr marL="342900" indent="-342900">
              <a:buFont typeface="Wingdings" pitchFamily="2" charset="2"/>
              <a:buChar char="§"/>
            </a:pPr>
            <a:r>
              <a:rPr lang="en-DK" dirty="0"/>
              <a:t>In </a:t>
            </a:r>
            <a:r>
              <a:rPr lang="en-DK" b="1" dirty="0"/>
              <a:t>platform capitalism </a:t>
            </a:r>
            <a:r>
              <a:rPr lang="en-DK" dirty="0"/>
              <a:t>political and economic power are </a:t>
            </a:r>
            <a:r>
              <a:rPr lang="en-DK" b="1" dirty="0"/>
              <a:t>recoupled</a:t>
            </a:r>
          </a:p>
          <a:p>
            <a:pPr marL="342900" indent="-342900">
              <a:buFont typeface="Wingdings" pitchFamily="2" charset="2"/>
              <a:buChar char="§"/>
            </a:pPr>
            <a:endParaRPr lang="en-DK" b="1" dirty="0"/>
          </a:p>
          <a:p>
            <a:pPr marL="342900" indent="-342900">
              <a:buFont typeface="Wingdings" pitchFamily="2" charset="2"/>
              <a:buChar char="§"/>
            </a:pPr>
            <a:r>
              <a:rPr lang="en-DK" dirty="0"/>
              <a:t>We call the platform capitalism </a:t>
            </a:r>
            <a:r>
              <a:rPr lang="en-DK" b="1" dirty="0"/>
              <a:t>digital feudalism</a:t>
            </a:r>
          </a:p>
        </p:txBody>
      </p:sp>
    </p:spTree>
    <p:extLst>
      <p:ext uri="{BB962C8B-B14F-4D97-AF65-F5344CB8AC3E}">
        <p14:creationId xmlns:p14="http://schemas.microsoft.com/office/powerpoint/2010/main" val="35061755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87</Words>
  <Application>Microsoft Macintosh PowerPoint</Application>
  <PresentationFormat>Custom</PresentationFormat>
  <Paragraphs>103</Paragraphs>
  <Slides>1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5" baseType="lpstr">
      <vt:lpstr>AU Passata Light</vt:lpstr>
      <vt:lpstr>AU Passata</vt:lpstr>
      <vt:lpstr>Calibri</vt:lpstr>
      <vt:lpstr>Wingdings</vt:lpstr>
      <vt:lpstr>Arial</vt:lpstr>
      <vt:lpstr>Georgia</vt:lpstr>
      <vt:lpstr>AU Peto</vt:lpstr>
      <vt:lpstr>Wingdings 3</vt:lpstr>
      <vt:lpstr>AU 16:9</vt:lpstr>
      <vt:lpstr>Digital feudalism and information disorders</vt:lpstr>
      <vt:lpstr>PowerPoint Presentation</vt:lpstr>
      <vt:lpstr>agenda</vt:lpstr>
      <vt:lpstr>The public sphere </vt:lpstr>
      <vt:lpstr>Legacy Media and the public sphere</vt:lpstr>
      <vt:lpstr>Platforms and the public sphere</vt:lpstr>
      <vt:lpstr>We propose the problem is digital feudalism</vt:lpstr>
      <vt:lpstr>feudalism</vt:lpstr>
      <vt:lpstr>PowerPoint Presentation</vt:lpstr>
      <vt:lpstr>Case 1: Facebook</vt:lpstr>
      <vt:lpstr>Case 2: Amazon</vt:lpstr>
      <vt:lpstr>The internet: ideals and reality</vt:lpstr>
      <vt:lpstr>The battle of information order</vt:lpstr>
      <vt:lpstr>The threat agains public discourse</vt:lpstr>
      <vt:lpstr>The dilemma </vt:lpstr>
      <vt:lpstr>thank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10-24T07:50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575460609356056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632</vt:lpwstr>
  </property>
  <property fmtid="{D5CDD505-2E9C-101B-9397-08002B2CF9AE}" pid="62" name="colorthemechange">
    <vt:lpwstr>True</vt:lpwstr>
  </property>
</Properties>
</file>